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5年度\02_財政グループ分\03_エクセル\02_RPA後（合計欄に算定式入力、罫線・内訳修正）\"/>
    </mc:Choice>
  </mc:AlternateContent>
  <bookViews>
    <workbookView xWindow="0" yWindow="0" windowWidth="20400" windowHeight="7236"/>
  </bookViews>
  <sheets>
    <sheet name="12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2'!$A$1:$DK$39</definedName>
    <definedName name="_xlnm.Print_Titles" localSheetId="0">'12'!$A:$A</definedName>
  </definedNames>
  <calcPr calcId="162913"/>
</workbook>
</file>

<file path=xl/calcChain.xml><?xml version="1.0" encoding="utf-8"?>
<calcChain xmlns="http://schemas.openxmlformats.org/spreadsheetml/2006/main">
  <c r="N39" i="1" l="1"/>
  <c r="O39" i="1"/>
  <c r="P39" i="1"/>
  <c r="Q39" i="1"/>
  <c r="R39" i="1"/>
  <c r="S39" i="1"/>
  <c r="T39" i="1"/>
  <c r="U39" i="1"/>
  <c r="V39" i="1"/>
  <c r="W39" i="1"/>
  <c r="X39" i="1"/>
  <c r="Y39" i="1"/>
  <c r="Z39" i="1"/>
  <c r="AA39" i="1"/>
  <c r="AB39" i="1"/>
  <c r="AC39" i="1"/>
  <c r="AD39" i="1"/>
  <c r="AE39" i="1"/>
  <c r="AF39" i="1"/>
  <c r="AG39" i="1"/>
  <c r="AH39" i="1"/>
  <c r="AI39" i="1"/>
  <c r="AJ39" i="1"/>
  <c r="AK39" i="1"/>
  <c r="AL39" i="1"/>
  <c r="AM39" i="1"/>
  <c r="AN39" i="1"/>
  <c r="AO39" i="1"/>
  <c r="AP39" i="1"/>
  <c r="AQ39" i="1"/>
  <c r="AR39" i="1"/>
  <c r="AS39" i="1"/>
  <c r="AT39" i="1"/>
  <c r="AU39" i="1"/>
  <c r="AV39" i="1"/>
  <c r="AW39" i="1"/>
  <c r="AX39" i="1"/>
  <c r="AY39" i="1"/>
  <c r="AZ39" i="1"/>
  <c r="BA39" i="1"/>
  <c r="BB39" i="1"/>
  <c r="BC39" i="1"/>
  <c r="BD39" i="1"/>
  <c r="BE39" i="1"/>
  <c r="BF39" i="1"/>
  <c r="BG39" i="1"/>
  <c r="BH39" i="1"/>
  <c r="BI39" i="1"/>
  <c r="BJ39" i="1"/>
  <c r="BK39" i="1"/>
  <c r="BL39" i="1"/>
  <c r="BM39" i="1"/>
  <c r="BN39" i="1"/>
  <c r="BO39" i="1"/>
  <c r="BP39" i="1"/>
  <c r="BQ39" i="1"/>
  <c r="BR39" i="1"/>
  <c r="BS39" i="1"/>
  <c r="BT39" i="1"/>
  <c r="BU39" i="1"/>
  <c r="BV39" i="1"/>
  <c r="BW39" i="1"/>
  <c r="BX39" i="1"/>
  <c r="BY39" i="1"/>
  <c r="BZ39" i="1"/>
  <c r="CA39" i="1"/>
  <c r="CB39" i="1"/>
  <c r="CC39" i="1"/>
  <c r="CD39" i="1"/>
  <c r="CE39" i="1"/>
  <c r="CF39" i="1"/>
  <c r="CG39" i="1"/>
  <c r="CH39" i="1"/>
  <c r="CI39" i="1"/>
  <c r="CJ39" i="1"/>
  <c r="CK39" i="1"/>
  <c r="CL39" i="1"/>
  <c r="CM39" i="1"/>
  <c r="CN39" i="1"/>
  <c r="CO39" i="1"/>
  <c r="CP39" i="1"/>
  <c r="CQ39" i="1"/>
  <c r="CR39" i="1"/>
  <c r="CS39" i="1"/>
  <c r="CT39" i="1"/>
  <c r="CU39" i="1"/>
  <c r="CV39" i="1"/>
  <c r="CW39" i="1"/>
  <c r="CX39" i="1"/>
  <c r="CY39" i="1"/>
  <c r="CZ39" i="1"/>
  <c r="DA39" i="1"/>
  <c r="DB39" i="1"/>
  <c r="DC39" i="1"/>
  <c r="DD39" i="1"/>
  <c r="DE39" i="1"/>
  <c r="DF39" i="1"/>
  <c r="DG39" i="1"/>
  <c r="DH39" i="1"/>
  <c r="DI39" i="1"/>
  <c r="DJ39" i="1"/>
  <c r="DK39" i="1"/>
  <c r="M39" i="1"/>
  <c r="L39" i="1"/>
  <c r="K39" i="1"/>
  <c r="J39" i="1"/>
  <c r="I39" i="1"/>
  <c r="H39" i="1"/>
  <c r="G39" i="1"/>
  <c r="F39" i="1"/>
  <c r="E39" i="1"/>
  <c r="D39" i="1"/>
  <c r="C39" i="1"/>
  <c r="B39" i="1"/>
</calcChain>
</file>

<file path=xl/sharedStrings.xml><?xml version="1.0" encoding="utf-8"?>
<sst xmlns="http://schemas.openxmlformats.org/spreadsheetml/2006/main" count="299" uniqueCount="226">
  <si>
    <t>左の内訳</t>
    <rPh sb="0" eb="1">
      <t>ヒダリ</t>
    </rPh>
    <rPh sb="2" eb="4">
      <t>ウチワケ</t>
    </rPh>
    <phoneticPr fontId="1"/>
  </si>
  <si>
    <t>左の内訳</t>
    <rPh sb="0" eb="1">
      <t>ヒダリ</t>
    </rPh>
    <phoneticPr fontId="1"/>
  </si>
  <si>
    <t>利子割</t>
  </si>
  <si>
    <t>配当割</t>
    <rPh sb="0" eb="2">
      <t>ハイトウ</t>
    </rPh>
    <rPh sb="2" eb="3">
      <t>ワ</t>
    </rPh>
    <phoneticPr fontId="1"/>
  </si>
  <si>
    <t>株式等</t>
    <rPh sb="0" eb="2">
      <t>カブシキ</t>
    </rPh>
    <rPh sb="2" eb="3">
      <t>トウ</t>
    </rPh>
    <phoneticPr fontId="1"/>
  </si>
  <si>
    <t>地方</t>
    <rPh sb="0" eb="2">
      <t>チホウ</t>
    </rPh>
    <phoneticPr fontId="1"/>
  </si>
  <si>
    <t>ゴルフ場</t>
  </si>
  <si>
    <t>地方特例</t>
  </si>
  <si>
    <t>交通安全対策</t>
    <rPh sb="4" eb="6">
      <t>タイサク</t>
    </rPh>
    <phoneticPr fontId="1"/>
  </si>
  <si>
    <t>分担金</t>
  </si>
  <si>
    <t>法定受託</t>
    <rPh sb="0" eb="2">
      <t>ホウテイ</t>
    </rPh>
    <rPh sb="2" eb="4">
      <t>ジュタク</t>
    </rPh>
    <phoneticPr fontId="1"/>
  </si>
  <si>
    <t>障害者</t>
    <rPh sb="0" eb="2">
      <t>ショウガイ</t>
    </rPh>
    <rPh sb="2" eb="3">
      <t>シャ</t>
    </rPh>
    <phoneticPr fontId="1"/>
  </si>
  <si>
    <t>特定防衛施設</t>
    <rPh sb="4" eb="6">
      <t>シセツ</t>
    </rPh>
    <phoneticPr fontId="1"/>
  </si>
  <si>
    <t>電源立地</t>
    <rPh sb="0" eb="2">
      <t>デンゲン</t>
    </rPh>
    <rPh sb="2" eb="4">
      <t>リッチ</t>
    </rPh>
    <phoneticPr fontId="1"/>
  </si>
  <si>
    <t>都道府県</t>
  </si>
  <si>
    <t>繰越事業費等</t>
  </si>
  <si>
    <t>延滞金</t>
  </si>
  <si>
    <t>公営企業</t>
  </si>
  <si>
    <t>地方税</t>
  </si>
  <si>
    <t>地方譲与税</t>
  </si>
  <si>
    <t>地方揮発油</t>
    <rPh sb="0" eb="2">
      <t>チホウ</t>
    </rPh>
    <rPh sb="2" eb="5">
      <t>キハツユ</t>
    </rPh>
    <phoneticPr fontId="1"/>
  </si>
  <si>
    <t>地方道路</t>
  </si>
  <si>
    <t>特別とん</t>
  </si>
  <si>
    <t>石油ガス</t>
  </si>
  <si>
    <t>自動車重量</t>
  </si>
  <si>
    <t>航空機燃料</t>
    <rPh sb="3" eb="4">
      <t>ネン</t>
    </rPh>
    <rPh sb="4" eb="5">
      <t>リョウ</t>
    </rPh>
    <phoneticPr fontId="1"/>
  </si>
  <si>
    <t>交付金</t>
  </si>
  <si>
    <t>交付金</t>
    <rPh sb="0" eb="3">
      <t>コウフキン</t>
    </rPh>
    <phoneticPr fontId="1"/>
  </si>
  <si>
    <t>譲渡所得割</t>
  </si>
  <si>
    <t>消費税</t>
  </si>
  <si>
    <t>利用税</t>
  </si>
  <si>
    <t>地方交付税</t>
  </si>
  <si>
    <t>普通交付税</t>
  </si>
  <si>
    <t>特別交付税</t>
  </si>
  <si>
    <t>震災復興</t>
  </si>
  <si>
    <t>同級他団体</t>
  </si>
  <si>
    <t>その他</t>
  </si>
  <si>
    <t>使用料</t>
  </si>
  <si>
    <t>授業料</t>
  </si>
  <si>
    <t>保育所</t>
  </si>
  <si>
    <t>公営住宅</t>
  </si>
  <si>
    <t>手数料</t>
  </si>
  <si>
    <t>国庫支出金</t>
  </si>
  <si>
    <t>生活保護費</t>
    <rPh sb="4" eb="5">
      <t>ヒ</t>
    </rPh>
    <phoneticPr fontId="2"/>
  </si>
  <si>
    <t>児童保護費等</t>
    <rPh sb="4" eb="5">
      <t>ヒ</t>
    </rPh>
    <rPh sb="5" eb="6">
      <t>ナド</t>
    </rPh>
    <phoneticPr fontId="1"/>
  </si>
  <si>
    <t>委託金</t>
  </si>
  <si>
    <t>普通建設</t>
  </si>
  <si>
    <t>災害復旧</t>
  </si>
  <si>
    <t>社会資本整備</t>
  </si>
  <si>
    <t>地域対策</t>
    <rPh sb="0" eb="2">
      <t>チイキ</t>
    </rPh>
    <rPh sb="2" eb="4">
      <t>タイサク</t>
    </rPh>
    <phoneticPr fontId="2"/>
  </si>
  <si>
    <t>施設等</t>
  </si>
  <si>
    <t>支出金</t>
    <rPh sb="0" eb="3">
      <t>シシュツキン</t>
    </rPh>
    <phoneticPr fontId="2"/>
  </si>
  <si>
    <t>電源立地</t>
  </si>
  <si>
    <t>石油貯蔵施設</t>
  </si>
  <si>
    <t>都道府県費</t>
    <rPh sb="0" eb="2">
      <t>トドウ</t>
    </rPh>
    <rPh sb="2" eb="3">
      <t>フ</t>
    </rPh>
    <rPh sb="3" eb="5">
      <t>ケンピ</t>
    </rPh>
    <phoneticPr fontId="2"/>
  </si>
  <si>
    <t>財産収入</t>
  </si>
  <si>
    <t>財産運用</t>
  </si>
  <si>
    <t>財産売払</t>
  </si>
  <si>
    <t>寄附金</t>
    <rPh sb="0" eb="3">
      <t>キフキン</t>
    </rPh>
    <phoneticPr fontId="1"/>
  </si>
  <si>
    <t>繰入金</t>
    <rPh sb="0" eb="3">
      <t>クリイレキン</t>
    </rPh>
    <phoneticPr fontId="1"/>
  </si>
  <si>
    <t>繰越金</t>
  </si>
  <si>
    <t>純繰越金</t>
  </si>
  <si>
    <t>充当財源</t>
  </si>
  <si>
    <t>諸収入</t>
  </si>
  <si>
    <t>加算金</t>
  </si>
  <si>
    <t>預金利子</t>
  </si>
  <si>
    <t>貸付金</t>
  </si>
  <si>
    <t>受託事業</t>
  </si>
  <si>
    <t>民間</t>
  </si>
  <si>
    <t>収益事業</t>
  </si>
  <si>
    <t>雑入</t>
  </si>
  <si>
    <t>一部事務組合</t>
    <rPh sb="4" eb="6">
      <t>クミアイ</t>
    </rPh>
    <phoneticPr fontId="2"/>
  </si>
  <si>
    <t>地方債</t>
  </si>
  <si>
    <t>歳入合計</t>
  </si>
  <si>
    <t>譲与税</t>
    <rPh sb="0" eb="1">
      <t>ユズル</t>
    </rPh>
    <rPh sb="1" eb="2">
      <t>アタエ</t>
    </rPh>
    <rPh sb="2" eb="3">
      <t>ゼイ</t>
    </rPh>
    <phoneticPr fontId="1"/>
  </si>
  <si>
    <t>譲与税</t>
  </si>
  <si>
    <t>からのもの</t>
  </si>
  <si>
    <t>高等学校</t>
  </si>
  <si>
    <t>幼稚園</t>
  </si>
  <si>
    <t>事業</t>
  </si>
  <si>
    <t>総合交付金</t>
  </si>
  <si>
    <t>所在市町村</t>
  </si>
  <si>
    <t>伴うもの</t>
  </si>
  <si>
    <t>保護費等</t>
  </si>
  <si>
    <t>支援給付費等</t>
    <rPh sb="0" eb="2">
      <t>シエン</t>
    </rPh>
    <phoneticPr fontId="1"/>
  </si>
  <si>
    <t>地域対策</t>
    <rPh sb="0" eb="2">
      <t>チイキ</t>
    </rPh>
    <rPh sb="2" eb="4">
      <t>タイサク</t>
    </rPh>
    <phoneticPr fontId="1"/>
  </si>
  <si>
    <t>事業費</t>
  </si>
  <si>
    <t>収入</t>
    <rPh sb="0" eb="2">
      <t>シュウニュウ</t>
    </rPh>
    <phoneticPr fontId="1"/>
  </si>
  <si>
    <t>土地建物</t>
  </si>
  <si>
    <t>立木竹</t>
  </si>
  <si>
    <t>繰越額</t>
  </si>
  <si>
    <t>及び過料</t>
  </si>
  <si>
    <t>元利収入</t>
  </si>
  <si>
    <t>元利収入</t>
    <rPh sb="0" eb="2">
      <t>ガンリ</t>
    </rPh>
    <rPh sb="2" eb="4">
      <t>シュウニュウ</t>
    </rPh>
    <phoneticPr fontId="1"/>
  </si>
  <si>
    <t>配分金</t>
    <rPh sb="0" eb="2">
      <t>ハイブン</t>
    </rPh>
    <phoneticPr fontId="1"/>
  </si>
  <si>
    <t>助成交付金</t>
  </si>
  <si>
    <t>負担金</t>
  </si>
  <si>
    <t>負担金</t>
    <rPh sb="0" eb="3">
      <t>フタンキン</t>
    </rPh>
    <phoneticPr fontId="1"/>
  </si>
  <si>
    <t>支出金</t>
    <rPh sb="0" eb="1">
      <t>ササ</t>
    </rPh>
    <phoneticPr fontId="1"/>
  </si>
  <si>
    <t>左の内訳</t>
    <phoneticPr fontId="2"/>
  </si>
  <si>
    <t>自動車</t>
    <phoneticPr fontId="2"/>
  </si>
  <si>
    <t>軽油</t>
    <phoneticPr fontId="2"/>
  </si>
  <si>
    <t>公立高等学校</t>
    <phoneticPr fontId="2"/>
  </si>
  <si>
    <t>普通建設</t>
    <phoneticPr fontId="1"/>
  </si>
  <si>
    <t>災害復旧</t>
    <phoneticPr fontId="1"/>
  </si>
  <si>
    <t>失業対策</t>
    <phoneticPr fontId="1"/>
  </si>
  <si>
    <t>国有提供</t>
    <phoneticPr fontId="2"/>
  </si>
  <si>
    <t>取得税</t>
    <phoneticPr fontId="2"/>
  </si>
  <si>
    <t>引取税</t>
    <phoneticPr fontId="2"/>
  </si>
  <si>
    <t>特別交付金</t>
    <phoneticPr fontId="2"/>
  </si>
  <si>
    <t>及び負担金</t>
    <phoneticPr fontId="2"/>
  </si>
  <si>
    <t>事務に</t>
    <phoneticPr fontId="2"/>
  </si>
  <si>
    <t>自治事務に</t>
    <phoneticPr fontId="2"/>
  </si>
  <si>
    <t>自立支援</t>
    <phoneticPr fontId="2"/>
  </si>
  <si>
    <t>授業料</t>
    <phoneticPr fontId="2"/>
  </si>
  <si>
    <t>事業費</t>
    <phoneticPr fontId="2"/>
  </si>
  <si>
    <t>財政補給金</t>
    <phoneticPr fontId="2"/>
  </si>
  <si>
    <t>周辺整備</t>
    <phoneticPr fontId="2"/>
  </si>
  <si>
    <t>国庫財源を</t>
    <phoneticPr fontId="2"/>
  </si>
  <si>
    <t>児童</t>
    <phoneticPr fontId="1"/>
  </si>
  <si>
    <t>障害者自立</t>
    <phoneticPr fontId="2"/>
  </si>
  <si>
    <t>普通建設</t>
    <phoneticPr fontId="2"/>
  </si>
  <si>
    <t>災害復旧</t>
    <phoneticPr fontId="2"/>
  </si>
  <si>
    <t>新エネルギー・産業</t>
    <phoneticPr fontId="2"/>
  </si>
  <si>
    <t>譲与税</t>
    <phoneticPr fontId="2"/>
  </si>
  <si>
    <t>交付金</t>
    <phoneticPr fontId="2"/>
  </si>
  <si>
    <t>係るもの</t>
    <phoneticPr fontId="2"/>
  </si>
  <si>
    <t>負担金</t>
    <phoneticPr fontId="1"/>
  </si>
  <si>
    <t>給付費等</t>
    <phoneticPr fontId="2"/>
  </si>
  <si>
    <t>不徴収</t>
    <phoneticPr fontId="2"/>
  </si>
  <si>
    <t>支出金</t>
    <phoneticPr fontId="2"/>
  </si>
  <si>
    <t>調整交付金</t>
    <phoneticPr fontId="2"/>
  </si>
  <si>
    <t>交付金</t>
    <phoneticPr fontId="2"/>
  </si>
  <si>
    <t>事業費</t>
    <phoneticPr fontId="2"/>
  </si>
  <si>
    <t>普通建設</t>
    <phoneticPr fontId="2"/>
  </si>
  <si>
    <t>災害復旧</t>
    <phoneticPr fontId="2"/>
  </si>
  <si>
    <t>その他</t>
    <phoneticPr fontId="2"/>
  </si>
  <si>
    <t>立地対策等</t>
    <phoneticPr fontId="2"/>
  </si>
  <si>
    <t>のみのもの</t>
    <phoneticPr fontId="2"/>
  </si>
  <si>
    <t>技術総合開発機構</t>
    <phoneticPr fontId="2"/>
  </si>
  <si>
    <t>負担金</t>
    <phoneticPr fontId="2"/>
  </si>
  <si>
    <t>事業</t>
    <phoneticPr fontId="2"/>
  </si>
  <si>
    <t>支出金</t>
    <phoneticPr fontId="1"/>
  </si>
  <si>
    <t>からのもの</t>
    <phoneticPr fontId="2"/>
  </si>
  <si>
    <t>児童手当等</t>
    <rPh sb="0" eb="2">
      <t>ジドウ</t>
    </rPh>
    <rPh sb="2" eb="5">
      <t>テアテトウ</t>
    </rPh>
    <phoneticPr fontId="2"/>
  </si>
  <si>
    <t>児童手当等</t>
    <rPh sb="0" eb="2">
      <t>ジドウ</t>
    </rPh>
    <rPh sb="2" eb="5">
      <t>テアテトウ</t>
    </rPh>
    <phoneticPr fontId="1"/>
  </si>
  <si>
    <t>交付金</t>
    <rPh sb="0" eb="3">
      <t>コウフキン</t>
    </rPh>
    <phoneticPr fontId="2"/>
  </si>
  <si>
    <t>地方創生</t>
    <phoneticPr fontId="2"/>
  </si>
  <si>
    <t>関係交付金</t>
  </si>
  <si>
    <t>分離課税</t>
    <rPh sb="0" eb="2">
      <t>ブンリ</t>
    </rPh>
    <rPh sb="2" eb="4">
      <t>カゼイ</t>
    </rPh>
    <phoneticPr fontId="2"/>
  </si>
  <si>
    <t>所得割</t>
    <rPh sb="0" eb="2">
      <t>ショトク</t>
    </rPh>
    <rPh sb="2" eb="3">
      <t>ワリ</t>
    </rPh>
    <phoneticPr fontId="2"/>
  </si>
  <si>
    <t>左の内訳</t>
    <rPh sb="0" eb="1">
      <t>ヒダリ</t>
    </rPh>
    <rPh sb="2" eb="4">
      <t>ウチワケ</t>
    </rPh>
    <phoneticPr fontId="2"/>
  </si>
  <si>
    <t>左の内訳</t>
    <rPh sb="0" eb="1">
      <t>ヒダリ</t>
    </rPh>
    <rPh sb="2" eb="4">
      <t>ウチワケ</t>
    </rPh>
    <phoneticPr fontId="2"/>
  </si>
  <si>
    <t>ふるさと</t>
    <phoneticPr fontId="2"/>
  </si>
  <si>
    <t>納税</t>
    <rPh sb="0" eb="2">
      <t>ノウゼイ</t>
    </rPh>
    <phoneticPr fontId="2"/>
  </si>
  <si>
    <t>地域創生</t>
    <rPh sb="0" eb="2">
      <t>チイキ</t>
    </rPh>
    <rPh sb="2" eb="4">
      <t>ソウセイ</t>
    </rPh>
    <phoneticPr fontId="2"/>
  </si>
  <si>
    <t>応援税制に</t>
    <rPh sb="0" eb="2">
      <t>オウエン</t>
    </rPh>
    <rPh sb="2" eb="4">
      <t>ゼイセイ</t>
    </rPh>
    <phoneticPr fontId="2"/>
  </si>
  <si>
    <t>係る寄付金</t>
    <rPh sb="0" eb="1">
      <t>カカ</t>
    </rPh>
    <rPh sb="2" eb="5">
      <t>キフキン</t>
    </rPh>
    <phoneticPr fontId="2"/>
  </si>
  <si>
    <t>その他</t>
    <rPh sb="2" eb="3">
      <t>タ</t>
    </rPh>
    <phoneticPr fontId="2"/>
  </si>
  <si>
    <t>森林環境</t>
    <rPh sb="0" eb="2">
      <t>シンリン</t>
    </rPh>
    <rPh sb="2" eb="4">
      <t>カンキョウ</t>
    </rPh>
    <phoneticPr fontId="2"/>
  </si>
  <si>
    <t>譲与税</t>
    <rPh sb="0" eb="2">
      <t>ジョウヨ</t>
    </rPh>
    <rPh sb="2" eb="3">
      <t>ゼイ</t>
    </rPh>
    <phoneticPr fontId="2"/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交付金</t>
    <rPh sb="0" eb="3">
      <t>コウフキン</t>
    </rPh>
    <phoneticPr fontId="2"/>
  </si>
  <si>
    <t>負担金</t>
    <rPh sb="0" eb="3">
      <t>フタンキン</t>
    </rPh>
    <phoneticPr fontId="2"/>
  </si>
  <si>
    <t>左の内訳</t>
    <rPh sb="0" eb="1">
      <t>ヒダリ</t>
    </rPh>
    <rPh sb="2" eb="4">
      <t>ウチワケ</t>
    </rPh>
    <phoneticPr fontId="2"/>
  </si>
  <si>
    <t>義務教育費</t>
    <rPh sb="0" eb="2">
      <t>ギム</t>
    </rPh>
    <rPh sb="2" eb="5">
      <t>キョウイクヒ</t>
    </rPh>
    <phoneticPr fontId="2"/>
  </si>
  <si>
    <t>法人</t>
    <rPh sb="0" eb="2">
      <t>ホウジン</t>
    </rPh>
    <phoneticPr fontId="2"/>
  </si>
  <si>
    <t>事業税</t>
    <rPh sb="0" eb="3">
      <t>ジギョウゼイ</t>
    </rPh>
    <phoneticPr fontId="2"/>
  </si>
  <si>
    <t>交付金</t>
    <rPh sb="0" eb="3">
      <t>コウフキン</t>
    </rPh>
    <phoneticPr fontId="2"/>
  </si>
  <si>
    <t>新型コロナ</t>
    <rPh sb="0" eb="2">
      <t>シンガタ</t>
    </rPh>
    <phoneticPr fontId="2"/>
  </si>
  <si>
    <t>ウイルス感染症</t>
    <rPh sb="4" eb="7">
      <t>カンセンショウ</t>
    </rPh>
    <phoneticPr fontId="2"/>
  </si>
  <si>
    <t>対応地方創生</t>
    <rPh sb="0" eb="2">
      <t>タイオウ</t>
    </rPh>
    <rPh sb="2" eb="4">
      <t>チホウ</t>
    </rPh>
    <rPh sb="4" eb="6">
      <t>ソウセイ</t>
    </rPh>
    <phoneticPr fontId="2"/>
  </si>
  <si>
    <t>臨時交付金</t>
    <rPh sb="0" eb="2">
      <t>リンジ</t>
    </rPh>
    <rPh sb="2" eb="5">
      <t>コウフキン</t>
    </rPh>
    <phoneticPr fontId="2"/>
  </si>
  <si>
    <t>その他新型</t>
  </si>
  <si>
    <t>コロナウイルス</t>
  </si>
  <si>
    <t>感染症対策</t>
  </si>
  <si>
    <t>関係交付金等</t>
  </si>
  <si>
    <t>新型コロナ</t>
    <rPh sb="0" eb="2">
      <t>シンガタ</t>
    </rPh>
    <phoneticPr fontId="2"/>
  </si>
  <si>
    <t>ウイルス対策</t>
    <rPh sb="4" eb="6">
      <t>タイサク</t>
    </rPh>
    <phoneticPr fontId="2"/>
  </si>
  <si>
    <t>に係るもの</t>
    <rPh sb="1" eb="2">
      <t>カカ</t>
    </rPh>
    <phoneticPr fontId="2"/>
  </si>
  <si>
    <t>相模原市</t>
    <phoneticPr fontId="2"/>
  </si>
  <si>
    <t>小田原市</t>
    <phoneticPr fontId="2"/>
  </si>
  <si>
    <t>伊勢原市</t>
    <phoneticPr fontId="2"/>
  </si>
  <si>
    <t>南足柄市</t>
    <phoneticPr fontId="2"/>
  </si>
  <si>
    <t>綾瀬市</t>
    <phoneticPr fontId="2"/>
  </si>
  <si>
    <t>葉山町</t>
    <phoneticPr fontId="2"/>
  </si>
  <si>
    <t>寒川町</t>
    <phoneticPr fontId="2"/>
  </si>
  <si>
    <t>大磯町</t>
    <phoneticPr fontId="2"/>
  </si>
  <si>
    <t>二宮町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開成町</t>
    <phoneticPr fontId="2"/>
  </si>
  <si>
    <t>箱根町</t>
    <phoneticPr fontId="2"/>
  </si>
  <si>
    <t>真鶴町</t>
    <phoneticPr fontId="2"/>
  </si>
  <si>
    <t>市町村計</t>
    <phoneticPr fontId="2"/>
  </si>
  <si>
    <t>子育て世帯等</t>
    <rPh sb="0" eb="2">
      <t>コソダ</t>
    </rPh>
    <rPh sb="3" eb="5">
      <t>セタイ</t>
    </rPh>
    <rPh sb="5" eb="6">
      <t>トウ</t>
    </rPh>
    <phoneticPr fontId="2"/>
  </si>
  <si>
    <t>臨時特別支援</t>
    <rPh sb="0" eb="2">
      <t>リンジ</t>
    </rPh>
    <rPh sb="2" eb="4">
      <t>トクベツ</t>
    </rPh>
    <rPh sb="4" eb="6">
      <t>シエン</t>
    </rPh>
    <phoneticPr fontId="2"/>
  </si>
  <si>
    <t>事業費</t>
    <rPh sb="0" eb="3">
      <t>ジギョウヒ</t>
    </rPh>
    <phoneticPr fontId="2"/>
  </si>
  <si>
    <t>補助金</t>
    <rPh sb="0" eb="3">
      <t>ホジョキン</t>
    </rPh>
    <phoneticPr fontId="2"/>
  </si>
  <si>
    <t>交付金等</t>
    <rPh sb="3" eb="4">
      <t>トウ</t>
    </rPh>
    <phoneticPr fontId="2"/>
  </si>
  <si>
    <t>横浜市</t>
    <phoneticPr fontId="2"/>
  </si>
  <si>
    <t>川崎市</t>
    <phoneticPr fontId="2"/>
  </si>
  <si>
    <t>横須賀市</t>
    <phoneticPr fontId="2"/>
  </si>
  <si>
    <t>平塚市</t>
    <phoneticPr fontId="2"/>
  </si>
  <si>
    <t>鎌倉市</t>
    <phoneticPr fontId="2"/>
  </si>
  <si>
    <t>藤沢市</t>
    <phoneticPr fontId="2"/>
  </si>
  <si>
    <t>茅ヶ崎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海老名市</t>
    <phoneticPr fontId="2"/>
  </si>
  <si>
    <t>座間市</t>
    <phoneticPr fontId="2"/>
  </si>
  <si>
    <t>湯河原町</t>
    <phoneticPr fontId="2"/>
  </si>
  <si>
    <t>愛川町</t>
    <phoneticPr fontId="2"/>
  </si>
  <si>
    <t>清川村</t>
    <phoneticPr fontId="2"/>
  </si>
  <si>
    <t>物価高騰</t>
    <rPh sb="0" eb="2">
      <t>ブッカ</t>
    </rPh>
    <rPh sb="2" eb="4">
      <t>コウトウ</t>
    </rPh>
    <phoneticPr fontId="2"/>
  </si>
  <si>
    <t>対応分</t>
    <rPh sb="0" eb="2">
      <t>タイオウ</t>
    </rPh>
    <rPh sb="2" eb="3">
      <t>ブン</t>
    </rPh>
    <phoneticPr fontId="2"/>
  </si>
  <si>
    <t>その他</t>
    <rPh sb="2" eb="3">
      <t>タ</t>
    </rPh>
    <phoneticPr fontId="2"/>
  </si>
  <si>
    <t>左の内訳</t>
    <phoneticPr fontId="2"/>
  </si>
  <si>
    <t>左の内訳</t>
  </si>
  <si>
    <t>左の内訳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40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0" fontId="3" fillId="0" borderId="1" xfId="0" applyNumberFormat="1" applyFont="1" applyBorder="1" applyAlignment="1">
      <alignment vertical="center" shrinkToFit="1"/>
    </xf>
    <xf numFmtId="0" fontId="3" fillId="0" borderId="0" xfId="0" applyNumberFormat="1" applyFont="1" applyAlignment="1">
      <alignment horizontal="center" vertical="center" shrinkToFit="1"/>
    </xf>
    <xf numFmtId="176" fontId="3" fillId="0" borderId="0" xfId="0" applyNumberFormat="1" applyFont="1" applyBorder="1" applyAlignment="1">
      <alignment vertical="center" shrinkToFit="1"/>
    </xf>
    <xf numFmtId="176" fontId="3" fillId="0" borderId="7" xfId="0" applyNumberFormat="1" applyFont="1" applyBorder="1" applyAlignment="1">
      <alignment vertical="center" shrinkToFit="1"/>
    </xf>
    <xf numFmtId="176" fontId="3" fillId="0" borderId="8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10" xfId="0" applyFont="1" applyBorder="1" applyAlignment="1">
      <alignment horizontal="center" vertical="center"/>
    </xf>
    <xf numFmtId="176" fontId="3" fillId="0" borderId="10" xfId="0" applyNumberFormat="1" applyFont="1" applyBorder="1" applyAlignment="1">
      <alignment vertical="center" shrinkToFit="1"/>
    </xf>
    <xf numFmtId="0" fontId="3" fillId="0" borderId="12" xfId="0" applyNumberFormat="1" applyFont="1" applyBorder="1" applyAlignment="1">
      <alignment horizontal="center" vertical="center" shrinkToFit="1"/>
    </xf>
    <xf numFmtId="0" fontId="3" fillId="0" borderId="13" xfId="0" applyNumberFormat="1" applyFont="1" applyBorder="1" applyAlignment="1">
      <alignment horizontal="center" vertical="center" shrinkToFit="1"/>
    </xf>
    <xf numFmtId="0" fontId="3" fillId="0" borderId="14" xfId="0" applyNumberFormat="1" applyFont="1" applyBorder="1" applyAlignment="1">
      <alignment horizontal="center" vertical="center" shrinkToFit="1"/>
    </xf>
    <xf numFmtId="176" fontId="3" fillId="0" borderId="15" xfId="0" applyNumberFormat="1" applyFont="1" applyBorder="1" applyAlignment="1">
      <alignment vertical="center" shrinkToFit="1"/>
    </xf>
    <xf numFmtId="176" fontId="3" fillId="0" borderId="16" xfId="0" applyNumberFormat="1" applyFont="1" applyBorder="1" applyAlignment="1">
      <alignment vertical="center" shrinkToFit="1"/>
    </xf>
    <xf numFmtId="176" fontId="3" fillId="0" borderId="17" xfId="0" applyNumberFormat="1" applyFont="1" applyBorder="1" applyAlignment="1">
      <alignment vertical="center" shrinkToFit="1"/>
    </xf>
    <xf numFmtId="176" fontId="3" fillId="0" borderId="18" xfId="0" applyNumberFormat="1" applyFont="1" applyBorder="1" applyAlignment="1">
      <alignment vertical="center" shrinkToFit="1"/>
    </xf>
    <xf numFmtId="0" fontId="3" fillId="0" borderId="3" xfId="0" applyNumberFormat="1" applyFont="1" applyBorder="1" applyAlignment="1">
      <alignment horizontal="centerContinuous" vertical="center" shrinkToFit="1"/>
    </xf>
    <xf numFmtId="0" fontId="3" fillId="0" borderId="4" xfId="0" applyNumberFormat="1" applyFont="1" applyBorder="1" applyAlignment="1">
      <alignment horizontal="centerContinuous" vertical="center" shrinkToFit="1"/>
    </xf>
    <xf numFmtId="0" fontId="3" fillId="0" borderId="2" xfId="0" applyNumberFormat="1" applyFont="1" applyBorder="1" applyAlignment="1">
      <alignment horizontal="center" vertical="center" shrinkToFit="1"/>
    </xf>
    <xf numFmtId="0" fontId="3" fillId="0" borderId="2" xfId="0" applyNumberFormat="1" applyFont="1" applyFill="1" applyBorder="1" applyAlignment="1">
      <alignment horizontal="centerContinuous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0" fillId="0" borderId="11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3" fillId="0" borderId="11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19" xfId="0" applyNumberFormat="1" applyFont="1" applyBorder="1" applyAlignment="1">
      <alignment horizontal="center" vertical="center" shrinkToFit="1"/>
    </xf>
    <xf numFmtId="0" fontId="3" fillId="0" borderId="12" xfId="0" applyNumberFormat="1" applyFont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DK39"/>
  <sheetViews>
    <sheetView tabSelected="1" view="pageBreakPreview" topLeftCell="CR1" zoomScaleNormal="100" zoomScaleSheetLayoutView="100" workbookViewId="0">
      <selection activeCell="DJ5" sqref="DJ5"/>
    </sheetView>
  </sheetViews>
  <sheetFormatPr defaultColWidth="9.19921875" defaultRowHeight="10.8"/>
  <cols>
    <col min="1" max="1" width="14.09765625" style="9" customWidth="1"/>
    <col min="2" max="16384" width="9.19921875" style="10"/>
  </cols>
  <sheetData>
    <row r="1" spans="1:115" s="12" customFormat="1" ht="17.25" customHeight="1">
      <c r="A1" s="1"/>
      <c r="B1" s="1"/>
      <c r="C1" s="1"/>
      <c r="D1" s="2" t="s">
        <v>0</v>
      </c>
      <c r="E1" s="2"/>
      <c r="F1" s="2"/>
      <c r="G1" s="2"/>
      <c r="H1" s="2"/>
      <c r="I1" s="27" t="s">
        <v>0</v>
      </c>
      <c r="J1" s="28"/>
      <c r="K1" s="1"/>
      <c r="L1" s="1"/>
      <c r="M1" s="1"/>
      <c r="N1" s="1"/>
      <c r="O1" s="1"/>
      <c r="P1" s="1"/>
      <c r="Q1" s="1"/>
      <c r="R1" s="1"/>
      <c r="S1" s="1"/>
      <c r="T1" s="1"/>
      <c r="U1" s="20"/>
      <c r="V1" s="1"/>
      <c r="W1" s="33" t="s">
        <v>151</v>
      </c>
      <c r="X1" s="36"/>
      <c r="Y1" s="37"/>
      <c r="Z1" s="1"/>
      <c r="AA1" s="1"/>
      <c r="AB1" s="2" t="s">
        <v>1</v>
      </c>
      <c r="AC1" s="2"/>
      <c r="AD1" s="1"/>
      <c r="AE1" s="33" t="s">
        <v>1</v>
      </c>
      <c r="AF1" s="36"/>
      <c r="AG1" s="36"/>
      <c r="AH1" s="36"/>
      <c r="AI1" s="36"/>
      <c r="AJ1" s="37"/>
      <c r="AK1" s="29" t="s">
        <v>151</v>
      </c>
      <c r="AL1" s="1"/>
      <c r="AM1" s="33" t="s">
        <v>1</v>
      </c>
      <c r="AN1" s="37"/>
      <c r="AO1" s="1"/>
      <c r="AP1" s="33" t="s">
        <v>1</v>
      </c>
      <c r="AQ1" s="37"/>
      <c r="AR1" s="33" t="s">
        <v>151</v>
      </c>
      <c r="AS1" s="36"/>
      <c r="AT1" s="36"/>
      <c r="AU1" s="36"/>
      <c r="AV1" s="36"/>
      <c r="AW1" s="36"/>
      <c r="AX1" s="37"/>
      <c r="AY1" s="33" t="s">
        <v>99</v>
      </c>
      <c r="AZ1" s="36"/>
      <c r="BA1" s="36"/>
      <c r="BB1" s="36"/>
      <c r="BC1" s="36"/>
      <c r="BD1" s="36"/>
      <c r="BE1" s="37"/>
      <c r="BF1" s="33" t="s">
        <v>151</v>
      </c>
      <c r="BG1" s="34"/>
      <c r="BH1" s="34"/>
      <c r="BI1" s="34"/>
      <c r="BJ1" s="34"/>
      <c r="BK1" s="34"/>
      <c r="BL1" s="35"/>
      <c r="BM1" s="32" t="s">
        <v>225</v>
      </c>
      <c r="BN1" s="11"/>
      <c r="BO1" s="1"/>
      <c r="BP1" s="33" t="s">
        <v>1</v>
      </c>
      <c r="BQ1" s="34"/>
      <c r="BR1" s="34"/>
      <c r="BS1" s="35"/>
      <c r="BT1" s="33" t="s">
        <v>99</v>
      </c>
      <c r="BU1" s="34"/>
      <c r="BV1" s="34"/>
      <c r="BW1" s="34"/>
      <c r="BX1" s="34"/>
      <c r="BY1" s="34"/>
      <c r="BZ1" s="35"/>
      <c r="CA1" s="33" t="s">
        <v>165</v>
      </c>
      <c r="CB1" s="34"/>
      <c r="CC1" s="34"/>
      <c r="CD1" s="34"/>
      <c r="CE1" s="34"/>
      <c r="CF1" s="34"/>
      <c r="CG1" s="35"/>
      <c r="CH1" s="31" t="s">
        <v>225</v>
      </c>
      <c r="CI1" s="1"/>
      <c r="CJ1" s="33" t="s">
        <v>1</v>
      </c>
      <c r="CK1" s="36"/>
      <c r="CL1" s="36"/>
      <c r="CM1" s="36"/>
      <c r="CN1" s="37"/>
      <c r="CO1" s="1"/>
      <c r="CP1" s="33" t="s">
        <v>152</v>
      </c>
      <c r="CQ1" s="36"/>
      <c r="CR1" s="37"/>
      <c r="CS1" s="1"/>
      <c r="CT1" s="1"/>
      <c r="CU1" s="32" t="s">
        <v>224</v>
      </c>
      <c r="CV1" s="30" t="s">
        <v>225</v>
      </c>
      <c r="CW1" s="1"/>
      <c r="CX1" s="33" t="s">
        <v>1</v>
      </c>
      <c r="CY1" s="34"/>
      <c r="CZ1" s="34"/>
      <c r="DA1" s="34"/>
      <c r="DB1" s="35"/>
      <c r="DC1" s="33" t="s">
        <v>99</v>
      </c>
      <c r="DD1" s="34"/>
      <c r="DE1" s="34"/>
      <c r="DF1" s="34"/>
      <c r="DG1" s="34"/>
      <c r="DH1" s="34"/>
      <c r="DI1" s="35"/>
      <c r="DJ1" s="1"/>
      <c r="DK1" s="1"/>
    </row>
    <row r="2" spans="1:115" s="12" customFormat="1" ht="17.25" customHeight="1">
      <c r="A2" s="3"/>
      <c r="B2" s="3"/>
      <c r="C2" s="3"/>
      <c r="D2" s="3"/>
      <c r="E2" s="3"/>
      <c r="F2" s="3"/>
      <c r="G2" s="3"/>
      <c r="H2" s="3"/>
      <c r="I2" s="3"/>
      <c r="J2" s="3"/>
      <c r="K2" s="3" t="s">
        <v>2</v>
      </c>
      <c r="L2" s="3" t="s">
        <v>3</v>
      </c>
      <c r="M2" s="3" t="s">
        <v>4</v>
      </c>
      <c r="N2" s="3" t="s">
        <v>149</v>
      </c>
      <c r="O2" s="3" t="s">
        <v>5</v>
      </c>
      <c r="P2" s="3" t="s">
        <v>6</v>
      </c>
      <c r="Q2" s="3" t="s">
        <v>100</v>
      </c>
      <c r="R2" s="3" t="s">
        <v>101</v>
      </c>
      <c r="S2" s="3" t="s">
        <v>161</v>
      </c>
      <c r="T2" s="3" t="s">
        <v>167</v>
      </c>
      <c r="U2" s="21" t="s">
        <v>7</v>
      </c>
      <c r="V2" s="3"/>
      <c r="W2" s="1"/>
      <c r="X2" s="20"/>
      <c r="Y2" s="1"/>
      <c r="Z2" s="3" t="s">
        <v>8</v>
      </c>
      <c r="AA2" s="3" t="s">
        <v>9</v>
      </c>
      <c r="AB2" s="3"/>
      <c r="AC2" s="3"/>
      <c r="AD2" s="3"/>
      <c r="AE2" s="3"/>
      <c r="AF2" s="33" t="s">
        <v>1</v>
      </c>
      <c r="AG2" s="36"/>
      <c r="AH2" s="37"/>
      <c r="AI2" s="1"/>
      <c r="AJ2" s="1"/>
      <c r="AK2" s="1"/>
      <c r="AL2" s="3"/>
      <c r="AM2" s="3" t="s">
        <v>10</v>
      </c>
      <c r="AN2" s="1"/>
      <c r="AO2" s="3"/>
      <c r="AP2" s="3"/>
      <c r="AQ2" s="3"/>
      <c r="AR2" s="3"/>
      <c r="AS2" s="3" t="s">
        <v>11</v>
      </c>
      <c r="AT2" s="3"/>
      <c r="AU2" s="3" t="s">
        <v>102</v>
      </c>
      <c r="AV2" s="3" t="s">
        <v>103</v>
      </c>
      <c r="AW2" s="3" t="s">
        <v>104</v>
      </c>
      <c r="AX2" s="3" t="s">
        <v>105</v>
      </c>
      <c r="AY2" s="1"/>
      <c r="AZ2" s="33" t="s">
        <v>1</v>
      </c>
      <c r="BA2" s="36"/>
      <c r="BB2" s="37"/>
      <c r="BC2" s="3"/>
      <c r="BD2" s="1"/>
      <c r="BE2" s="3" t="s">
        <v>12</v>
      </c>
      <c r="BF2" s="1" t="s">
        <v>13</v>
      </c>
      <c r="BG2" s="1"/>
      <c r="BH2" s="3" t="s">
        <v>170</v>
      </c>
      <c r="BI2" s="38" t="s">
        <v>223</v>
      </c>
      <c r="BJ2" s="39"/>
      <c r="BK2" s="3" t="s">
        <v>198</v>
      </c>
      <c r="BL2" s="3" t="s">
        <v>174</v>
      </c>
      <c r="BM2" s="3"/>
      <c r="BN2" s="3" t="s">
        <v>106</v>
      </c>
      <c r="BO2" s="3" t="s">
        <v>14</v>
      </c>
      <c r="BP2" s="3"/>
      <c r="BQ2" s="33" t="s">
        <v>1</v>
      </c>
      <c r="BR2" s="34"/>
      <c r="BS2" s="35"/>
      <c r="BT2" s="33" t="s">
        <v>99</v>
      </c>
      <c r="BU2" s="34"/>
      <c r="BV2" s="34"/>
      <c r="BW2" s="34"/>
      <c r="BX2" s="34"/>
      <c r="BY2" s="34"/>
      <c r="BZ2" s="35"/>
      <c r="CA2" s="33" t="s">
        <v>99</v>
      </c>
      <c r="CB2" s="34"/>
      <c r="CC2" s="35"/>
      <c r="CD2" s="1"/>
      <c r="CE2" s="33" t="s">
        <v>1</v>
      </c>
      <c r="CF2" s="34"/>
      <c r="CG2" s="35"/>
      <c r="CH2" s="31" t="s">
        <v>225</v>
      </c>
      <c r="CI2" s="3"/>
      <c r="CJ2" s="1"/>
      <c r="CK2" s="3"/>
      <c r="CL2" s="2" t="s">
        <v>1</v>
      </c>
      <c r="CM2" s="2"/>
      <c r="CN2" s="2"/>
      <c r="CO2" s="3"/>
      <c r="CP2" s="3"/>
      <c r="CQ2" s="3" t="s">
        <v>155</v>
      </c>
      <c r="CR2" s="3"/>
      <c r="CS2" s="3"/>
      <c r="CT2" s="3"/>
      <c r="CU2" s="1"/>
      <c r="CV2" s="3" t="s">
        <v>15</v>
      </c>
      <c r="CW2" s="3"/>
      <c r="CX2" s="3" t="s">
        <v>16</v>
      </c>
      <c r="CY2" s="3"/>
      <c r="CZ2" s="3" t="s">
        <v>17</v>
      </c>
      <c r="DA2" s="3"/>
      <c r="DB2" s="3"/>
      <c r="DC2" s="33" t="s">
        <v>1</v>
      </c>
      <c r="DD2" s="35"/>
      <c r="DE2" s="3"/>
      <c r="DF2" s="3"/>
      <c r="DG2" s="33" t="s">
        <v>1</v>
      </c>
      <c r="DH2" s="36"/>
      <c r="DI2" s="37"/>
      <c r="DJ2" s="3"/>
      <c r="DK2" s="3"/>
    </row>
    <row r="3" spans="1:115" s="12" customFormat="1" ht="17.25" customHeight="1">
      <c r="A3" s="3"/>
      <c r="B3" s="3" t="s">
        <v>18</v>
      </c>
      <c r="C3" s="3" t="s">
        <v>19</v>
      </c>
      <c r="D3" s="3" t="s">
        <v>20</v>
      </c>
      <c r="E3" s="3" t="s">
        <v>21</v>
      </c>
      <c r="F3" s="3" t="s">
        <v>22</v>
      </c>
      <c r="G3" s="3" t="s">
        <v>23</v>
      </c>
      <c r="H3" s="3" t="s">
        <v>24</v>
      </c>
      <c r="I3" s="3" t="s">
        <v>25</v>
      </c>
      <c r="J3" s="3" t="s">
        <v>159</v>
      </c>
      <c r="K3" s="3" t="s">
        <v>26</v>
      </c>
      <c r="L3" s="3" t="s">
        <v>27</v>
      </c>
      <c r="M3" s="3" t="s">
        <v>28</v>
      </c>
      <c r="N3" s="3" t="s">
        <v>150</v>
      </c>
      <c r="O3" s="3" t="s">
        <v>29</v>
      </c>
      <c r="P3" s="3" t="s">
        <v>30</v>
      </c>
      <c r="Q3" s="3" t="s">
        <v>107</v>
      </c>
      <c r="R3" s="3" t="s">
        <v>108</v>
      </c>
      <c r="S3" s="3" t="s">
        <v>162</v>
      </c>
      <c r="T3" s="3" t="s">
        <v>168</v>
      </c>
      <c r="U3" s="21" t="s">
        <v>202</v>
      </c>
      <c r="V3" s="3" t="s">
        <v>31</v>
      </c>
      <c r="W3" s="3" t="s">
        <v>32</v>
      </c>
      <c r="X3" s="21" t="s">
        <v>33</v>
      </c>
      <c r="Y3" s="3" t="s">
        <v>34</v>
      </c>
      <c r="Z3" s="3" t="s">
        <v>109</v>
      </c>
      <c r="AA3" s="3" t="s">
        <v>110</v>
      </c>
      <c r="AB3" s="3" t="s">
        <v>35</v>
      </c>
      <c r="AC3" s="3" t="s">
        <v>36</v>
      </c>
      <c r="AD3" s="3" t="s">
        <v>37</v>
      </c>
      <c r="AE3" s="3" t="s">
        <v>38</v>
      </c>
      <c r="AF3" s="1"/>
      <c r="AG3" s="1"/>
      <c r="AH3" s="3"/>
      <c r="AI3" s="3" t="s">
        <v>39</v>
      </c>
      <c r="AJ3" s="3" t="s">
        <v>40</v>
      </c>
      <c r="AK3" s="3" t="s">
        <v>36</v>
      </c>
      <c r="AL3" s="3" t="s">
        <v>41</v>
      </c>
      <c r="AM3" s="3" t="s">
        <v>111</v>
      </c>
      <c r="AN3" s="3" t="s">
        <v>112</v>
      </c>
      <c r="AO3" s="3" t="s">
        <v>42</v>
      </c>
      <c r="AP3" s="3" t="s">
        <v>166</v>
      </c>
      <c r="AQ3" s="3" t="s">
        <v>43</v>
      </c>
      <c r="AR3" s="3" t="s">
        <v>44</v>
      </c>
      <c r="AS3" s="3" t="s">
        <v>113</v>
      </c>
      <c r="AT3" s="3" t="s">
        <v>144</v>
      </c>
      <c r="AU3" s="3" t="s">
        <v>114</v>
      </c>
      <c r="AV3" s="3" t="s">
        <v>115</v>
      </c>
      <c r="AW3" s="3" t="s">
        <v>115</v>
      </c>
      <c r="AX3" s="3" t="s">
        <v>115</v>
      </c>
      <c r="AY3" s="3" t="s">
        <v>45</v>
      </c>
      <c r="AZ3" s="1" t="s">
        <v>46</v>
      </c>
      <c r="BA3" s="3" t="s">
        <v>47</v>
      </c>
      <c r="BB3" s="3"/>
      <c r="BC3" s="3" t="s">
        <v>116</v>
      </c>
      <c r="BD3" s="3" t="s">
        <v>48</v>
      </c>
      <c r="BE3" s="3" t="s">
        <v>117</v>
      </c>
      <c r="BF3" s="3" t="s">
        <v>49</v>
      </c>
      <c r="BG3" s="3" t="s">
        <v>147</v>
      </c>
      <c r="BH3" s="3" t="s">
        <v>171</v>
      </c>
      <c r="BI3" s="1" t="s">
        <v>220</v>
      </c>
      <c r="BJ3" s="1" t="s">
        <v>222</v>
      </c>
      <c r="BK3" s="3" t="s">
        <v>199</v>
      </c>
      <c r="BL3" s="3" t="s">
        <v>175</v>
      </c>
      <c r="BM3" s="3" t="s">
        <v>36</v>
      </c>
      <c r="BN3" s="3" t="s">
        <v>50</v>
      </c>
      <c r="BO3" s="3" t="s">
        <v>51</v>
      </c>
      <c r="BP3" s="3" t="s">
        <v>118</v>
      </c>
      <c r="BQ3" s="3" t="s">
        <v>119</v>
      </c>
      <c r="BR3" s="1" t="s">
        <v>120</v>
      </c>
      <c r="BS3" s="3" t="s">
        <v>145</v>
      </c>
      <c r="BT3" s="1" t="s">
        <v>121</v>
      </c>
      <c r="BU3" s="3" t="s">
        <v>122</v>
      </c>
      <c r="BV3" s="1"/>
      <c r="BW3" s="33" t="s">
        <v>1</v>
      </c>
      <c r="BX3" s="36"/>
      <c r="BY3" s="37"/>
      <c r="BZ3" s="1" t="s">
        <v>52</v>
      </c>
      <c r="CA3" s="3" t="s">
        <v>53</v>
      </c>
      <c r="CB3" s="3" t="s">
        <v>178</v>
      </c>
      <c r="CC3" s="1"/>
      <c r="CD3" s="3" t="s">
        <v>54</v>
      </c>
      <c r="CE3" s="3" t="s">
        <v>121</v>
      </c>
      <c r="CF3" s="1" t="s">
        <v>122</v>
      </c>
      <c r="CG3" s="3" t="s">
        <v>178</v>
      </c>
      <c r="CH3" s="3"/>
      <c r="CI3" s="3" t="s">
        <v>55</v>
      </c>
      <c r="CJ3" s="3" t="s">
        <v>56</v>
      </c>
      <c r="CK3" s="3" t="s">
        <v>57</v>
      </c>
      <c r="CL3" s="1"/>
      <c r="CM3" s="3"/>
      <c r="CN3" s="1"/>
      <c r="CO3" s="3" t="s">
        <v>58</v>
      </c>
      <c r="CP3" s="3" t="s">
        <v>153</v>
      </c>
      <c r="CQ3" s="3" t="s">
        <v>156</v>
      </c>
      <c r="CR3" s="3" t="s">
        <v>158</v>
      </c>
      <c r="CS3" s="3" t="s">
        <v>59</v>
      </c>
      <c r="CT3" s="3" t="s">
        <v>60</v>
      </c>
      <c r="CU3" s="3" t="s">
        <v>61</v>
      </c>
      <c r="CV3" s="3" t="s">
        <v>62</v>
      </c>
      <c r="CW3" s="3" t="s">
        <v>63</v>
      </c>
      <c r="CX3" s="3" t="s">
        <v>64</v>
      </c>
      <c r="CY3" s="3" t="s">
        <v>65</v>
      </c>
      <c r="CZ3" s="3" t="s">
        <v>66</v>
      </c>
      <c r="DA3" s="3" t="s">
        <v>66</v>
      </c>
      <c r="DB3" s="3" t="s">
        <v>67</v>
      </c>
      <c r="DC3" s="3" t="s">
        <v>35</v>
      </c>
      <c r="DD3" s="1" t="s">
        <v>68</v>
      </c>
      <c r="DE3" s="3" t="s">
        <v>69</v>
      </c>
      <c r="DF3" s="3" t="s">
        <v>70</v>
      </c>
      <c r="DG3" s="1" t="s">
        <v>71</v>
      </c>
      <c r="DH3" s="1" t="s">
        <v>123</v>
      </c>
      <c r="DI3" s="1"/>
      <c r="DJ3" s="3" t="s">
        <v>72</v>
      </c>
      <c r="DK3" s="3" t="s">
        <v>73</v>
      </c>
    </row>
    <row r="4" spans="1:115" s="12" customFormat="1" ht="17.25" customHeight="1">
      <c r="A4" s="3"/>
      <c r="B4" s="3"/>
      <c r="C4" s="3"/>
      <c r="D4" s="3" t="s">
        <v>74</v>
      </c>
      <c r="E4" s="3" t="s">
        <v>75</v>
      </c>
      <c r="F4" s="3" t="s">
        <v>75</v>
      </c>
      <c r="G4" s="3" t="s">
        <v>75</v>
      </c>
      <c r="H4" s="3" t="s">
        <v>75</v>
      </c>
      <c r="I4" s="3" t="s">
        <v>124</v>
      </c>
      <c r="J4" s="3" t="s">
        <v>160</v>
      </c>
      <c r="K4" s="3"/>
      <c r="L4" s="3"/>
      <c r="M4" s="3" t="s">
        <v>26</v>
      </c>
      <c r="N4" s="3" t="s">
        <v>146</v>
      </c>
      <c r="O4" s="3" t="s">
        <v>26</v>
      </c>
      <c r="P4" s="3" t="s">
        <v>26</v>
      </c>
      <c r="Q4" s="3" t="s">
        <v>125</v>
      </c>
      <c r="R4" s="3" t="s">
        <v>125</v>
      </c>
      <c r="S4" s="3" t="s">
        <v>163</v>
      </c>
      <c r="T4" s="3" t="s">
        <v>169</v>
      </c>
      <c r="V4" s="3"/>
      <c r="W4" s="3"/>
      <c r="X4" s="21"/>
      <c r="Y4" s="3" t="s">
        <v>33</v>
      </c>
      <c r="Z4" s="3"/>
      <c r="AA4" s="3"/>
      <c r="AB4" s="3" t="s">
        <v>76</v>
      </c>
      <c r="AC4" s="3"/>
      <c r="AD4" s="3"/>
      <c r="AE4" s="3"/>
      <c r="AF4" s="3" t="s">
        <v>77</v>
      </c>
      <c r="AG4" s="3" t="s">
        <v>78</v>
      </c>
      <c r="AH4" s="3" t="s">
        <v>36</v>
      </c>
      <c r="AI4" s="3" t="s">
        <v>37</v>
      </c>
      <c r="AJ4" s="3" t="s">
        <v>37</v>
      </c>
      <c r="AK4" s="3"/>
      <c r="AL4" s="3"/>
      <c r="AM4" s="3" t="s">
        <v>126</v>
      </c>
      <c r="AN4" s="3" t="s">
        <v>126</v>
      </c>
      <c r="AO4" s="3"/>
      <c r="AP4" s="3" t="s">
        <v>164</v>
      </c>
      <c r="AQ4" s="3" t="s">
        <v>127</v>
      </c>
      <c r="AR4" s="3" t="s">
        <v>127</v>
      </c>
      <c r="AS4" s="3" t="s">
        <v>128</v>
      </c>
      <c r="AT4" s="3" t="s">
        <v>26</v>
      </c>
      <c r="AU4" s="3" t="s">
        <v>129</v>
      </c>
      <c r="AV4" s="3" t="s">
        <v>130</v>
      </c>
      <c r="AW4" s="3" t="s">
        <v>130</v>
      </c>
      <c r="AX4" s="3" t="s">
        <v>130</v>
      </c>
      <c r="AY4" s="3"/>
      <c r="AZ4" s="3" t="s">
        <v>79</v>
      </c>
      <c r="BA4" s="3" t="s">
        <v>79</v>
      </c>
      <c r="BB4" s="3" t="s">
        <v>36</v>
      </c>
      <c r="BC4" s="3"/>
      <c r="BD4" s="3" t="s">
        <v>80</v>
      </c>
      <c r="BE4" s="3" t="s">
        <v>131</v>
      </c>
      <c r="BF4" s="3" t="s">
        <v>132</v>
      </c>
      <c r="BG4" s="3" t="s">
        <v>148</v>
      </c>
      <c r="BH4" s="3" t="s">
        <v>172</v>
      </c>
      <c r="BI4" s="3" t="s">
        <v>221</v>
      </c>
      <c r="BJ4" s="3"/>
      <c r="BK4" s="3" t="s">
        <v>200</v>
      </c>
      <c r="BL4" s="3" t="s">
        <v>176</v>
      </c>
      <c r="BM4" s="3"/>
      <c r="BN4" s="3" t="s">
        <v>81</v>
      </c>
      <c r="BO4" s="3"/>
      <c r="BP4" s="3" t="s">
        <v>82</v>
      </c>
      <c r="BQ4" s="3" t="s">
        <v>83</v>
      </c>
      <c r="BR4" s="3" t="s">
        <v>84</v>
      </c>
      <c r="BS4" s="3" t="s">
        <v>146</v>
      </c>
      <c r="BT4" s="3" t="s">
        <v>133</v>
      </c>
      <c r="BU4" s="3" t="s">
        <v>133</v>
      </c>
      <c r="BV4" s="3" t="s">
        <v>45</v>
      </c>
      <c r="BW4" s="3" t="s">
        <v>134</v>
      </c>
      <c r="BX4" s="3" t="s">
        <v>135</v>
      </c>
      <c r="BY4" s="3" t="s">
        <v>136</v>
      </c>
      <c r="BZ4" s="3" t="s">
        <v>85</v>
      </c>
      <c r="CA4" s="3" t="s">
        <v>137</v>
      </c>
      <c r="CB4" s="3" t="s">
        <v>179</v>
      </c>
      <c r="CC4" s="3" t="s">
        <v>36</v>
      </c>
      <c r="CD4" s="3" t="s">
        <v>138</v>
      </c>
      <c r="CE4" s="3" t="s">
        <v>133</v>
      </c>
      <c r="CF4" s="3" t="s">
        <v>86</v>
      </c>
      <c r="CG4" s="3" t="s">
        <v>179</v>
      </c>
      <c r="CH4" s="3" t="s">
        <v>36</v>
      </c>
      <c r="CI4" s="3"/>
      <c r="CJ4" s="3" t="s">
        <v>87</v>
      </c>
      <c r="CK4" s="3" t="s">
        <v>87</v>
      </c>
      <c r="CL4" s="3" t="s">
        <v>88</v>
      </c>
      <c r="CM4" s="3" t="s">
        <v>89</v>
      </c>
      <c r="CN4" s="3" t="s">
        <v>36</v>
      </c>
      <c r="CO4" s="3"/>
      <c r="CP4" s="3" t="s">
        <v>154</v>
      </c>
      <c r="CQ4" s="3" t="s">
        <v>157</v>
      </c>
      <c r="CR4" s="3"/>
      <c r="CS4" s="3"/>
      <c r="CT4" s="3"/>
      <c r="CU4" s="3"/>
      <c r="CV4" s="3" t="s">
        <v>90</v>
      </c>
      <c r="CW4" s="3"/>
      <c r="CX4" s="3" t="s">
        <v>91</v>
      </c>
      <c r="CY4" s="3"/>
      <c r="CZ4" s="3" t="s">
        <v>92</v>
      </c>
      <c r="DA4" s="3" t="s">
        <v>93</v>
      </c>
      <c r="DB4" s="3" t="s">
        <v>87</v>
      </c>
      <c r="DC4" s="3" t="s">
        <v>76</v>
      </c>
      <c r="DD4" s="3" t="s">
        <v>76</v>
      </c>
      <c r="DE4" s="3" t="s">
        <v>87</v>
      </c>
      <c r="DF4" s="3"/>
      <c r="DG4" s="3" t="s">
        <v>94</v>
      </c>
      <c r="DH4" s="3" t="s">
        <v>139</v>
      </c>
      <c r="DI4" s="3" t="s">
        <v>36</v>
      </c>
      <c r="DJ4" s="3"/>
      <c r="DK4" s="3"/>
    </row>
    <row r="5" spans="1:115" s="12" customFormat="1" ht="17.25" customHeight="1">
      <c r="A5" s="4"/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V5" s="4"/>
      <c r="W5" s="4"/>
      <c r="X5" s="22"/>
      <c r="Y5" s="4"/>
      <c r="Z5" s="4"/>
      <c r="AA5" s="4"/>
      <c r="AB5" s="4"/>
      <c r="AC5" s="4"/>
      <c r="AD5" s="4"/>
      <c r="AE5" s="4"/>
      <c r="AF5" s="4"/>
      <c r="AG5" s="4"/>
      <c r="AH5" s="4"/>
      <c r="AI5" s="4"/>
      <c r="AJ5" s="4"/>
      <c r="AK5" s="4"/>
      <c r="AL5" s="4"/>
      <c r="AM5" s="4"/>
      <c r="AN5" s="4"/>
      <c r="AO5" s="4"/>
      <c r="AP5" s="4"/>
      <c r="AQ5" s="4"/>
      <c r="AR5" s="4"/>
      <c r="AS5" s="4" t="s">
        <v>140</v>
      </c>
      <c r="AT5" s="4"/>
      <c r="AU5" s="4" t="s">
        <v>132</v>
      </c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 t="s">
        <v>173</v>
      </c>
      <c r="BI5" s="4"/>
      <c r="BJ5" s="4"/>
      <c r="BK5" s="4" t="s">
        <v>201</v>
      </c>
      <c r="BL5" s="4" t="s">
        <v>177</v>
      </c>
      <c r="BM5" s="4"/>
      <c r="BN5" s="4" t="s">
        <v>95</v>
      </c>
      <c r="BO5" s="4"/>
      <c r="BP5" s="4"/>
      <c r="BQ5" s="4" t="s">
        <v>96</v>
      </c>
      <c r="BR5" s="4" t="s">
        <v>97</v>
      </c>
      <c r="BS5" s="4"/>
      <c r="BT5" s="4" t="s">
        <v>98</v>
      </c>
      <c r="BU5" s="4" t="s">
        <v>98</v>
      </c>
      <c r="BV5" s="4"/>
      <c r="BW5" s="4" t="s">
        <v>141</v>
      </c>
      <c r="BX5" s="4" t="s">
        <v>141</v>
      </c>
      <c r="BY5" s="4"/>
      <c r="BZ5" s="4" t="s">
        <v>125</v>
      </c>
      <c r="CA5" s="4" t="s">
        <v>125</v>
      </c>
      <c r="CB5" s="4" t="s">
        <v>180</v>
      </c>
      <c r="CC5" s="4"/>
      <c r="CD5" s="4"/>
      <c r="CE5" s="4" t="s">
        <v>142</v>
      </c>
      <c r="CF5" s="4" t="s">
        <v>142</v>
      </c>
      <c r="CG5" s="4" t="s">
        <v>180</v>
      </c>
      <c r="CH5" s="4"/>
      <c r="CI5" s="4"/>
      <c r="CJ5" s="4"/>
      <c r="CK5" s="4"/>
      <c r="CL5" s="4"/>
      <c r="CM5" s="4"/>
      <c r="CN5" s="4"/>
      <c r="CO5" s="4"/>
      <c r="CP5" s="4"/>
      <c r="CQ5" s="4"/>
      <c r="CR5" s="4"/>
      <c r="CS5" s="4"/>
      <c r="CT5" s="4"/>
      <c r="CU5" s="4"/>
      <c r="CV5" s="4"/>
      <c r="CW5" s="4"/>
      <c r="CX5" s="4"/>
      <c r="CY5" s="4"/>
      <c r="CZ5" s="4"/>
      <c r="DA5" s="4"/>
      <c r="DB5" s="4"/>
      <c r="DC5" s="4"/>
      <c r="DD5" s="4"/>
      <c r="DE5" s="4"/>
      <c r="DF5" s="4"/>
      <c r="DG5" s="4"/>
      <c r="DH5" s="4" t="s">
        <v>143</v>
      </c>
      <c r="DI5" s="4"/>
      <c r="DJ5" s="4"/>
      <c r="DK5" s="4"/>
    </row>
    <row r="6" spans="1:115" ht="17.25" customHeight="1">
      <c r="A6" s="5" t="s">
        <v>203</v>
      </c>
      <c r="B6" s="14">
        <v>867276496</v>
      </c>
      <c r="C6" s="14">
        <v>8790714</v>
      </c>
      <c r="D6" s="14">
        <v>2758017</v>
      </c>
      <c r="E6" s="14">
        <v>0</v>
      </c>
      <c r="F6" s="14">
        <v>994979</v>
      </c>
      <c r="G6" s="14">
        <v>21769</v>
      </c>
      <c r="H6" s="14">
        <v>4611987</v>
      </c>
      <c r="I6" s="14">
        <v>0</v>
      </c>
      <c r="J6" s="14">
        <v>403962</v>
      </c>
      <c r="K6" s="14">
        <v>250682</v>
      </c>
      <c r="L6" s="14">
        <v>5041258</v>
      </c>
      <c r="M6" s="14">
        <v>3863928</v>
      </c>
      <c r="N6" s="14">
        <v>1116653</v>
      </c>
      <c r="O6" s="14">
        <v>88673768</v>
      </c>
      <c r="P6" s="14">
        <v>151235</v>
      </c>
      <c r="Q6" s="14">
        <v>18658</v>
      </c>
      <c r="R6" s="14">
        <v>12156398</v>
      </c>
      <c r="S6" s="14">
        <v>2432339</v>
      </c>
      <c r="T6" s="14">
        <v>9536484</v>
      </c>
      <c r="U6" s="14">
        <v>5457678</v>
      </c>
      <c r="V6" s="14">
        <v>40086854</v>
      </c>
      <c r="W6" s="14">
        <v>38528505</v>
      </c>
      <c r="X6" s="23">
        <v>1556299</v>
      </c>
      <c r="Y6" s="14">
        <v>2050</v>
      </c>
      <c r="Z6" s="14">
        <v>826779</v>
      </c>
      <c r="AA6" s="14">
        <v>27849982</v>
      </c>
      <c r="AB6" s="14">
        <v>33120</v>
      </c>
      <c r="AC6" s="14">
        <v>27816862</v>
      </c>
      <c r="AD6" s="14">
        <v>31878761</v>
      </c>
      <c r="AE6" s="14">
        <v>808650</v>
      </c>
      <c r="AF6" s="14">
        <v>808650</v>
      </c>
      <c r="AG6" s="14">
        <v>0</v>
      </c>
      <c r="AH6" s="14">
        <v>0</v>
      </c>
      <c r="AI6" s="14">
        <v>842633</v>
      </c>
      <c r="AJ6" s="14">
        <v>9568655</v>
      </c>
      <c r="AK6" s="14">
        <v>20658823</v>
      </c>
      <c r="AL6" s="14">
        <v>8662061</v>
      </c>
      <c r="AM6" s="14">
        <v>329660</v>
      </c>
      <c r="AN6" s="14">
        <v>8332401</v>
      </c>
      <c r="AO6" s="14">
        <v>465663425</v>
      </c>
      <c r="AP6" s="14">
        <v>36856991</v>
      </c>
      <c r="AQ6" s="14">
        <v>96149129</v>
      </c>
      <c r="AR6" s="14">
        <v>48728596</v>
      </c>
      <c r="AS6" s="14">
        <v>41038392</v>
      </c>
      <c r="AT6" s="14">
        <v>34007373</v>
      </c>
      <c r="AU6" s="14">
        <v>0</v>
      </c>
      <c r="AV6" s="14">
        <v>20019395</v>
      </c>
      <c r="AW6" s="14">
        <v>0</v>
      </c>
      <c r="AX6" s="14">
        <v>0</v>
      </c>
      <c r="AY6" s="14">
        <v>6620893</v>
      </c>
      <c r="AZ6" s="14">
        <v>0</v>
      </c>
      <c r="BA6" s="14">
        <v>0</v>
      </c>
      <c r="BB6" s="14">
        <v>6620893</v>
      </c>
      <c r="BC6" s="14">
        <v>0</v>
      </c>
      <c r="BD6" s="14">
        <v>6588180</v>
      </c>
      <c r="BE6" s="14">
        <v>0</v>
      </c>
      <c r="BF6" s="14">
        <v>0</v>
      </c>
      <c r="BG6" s="14">
        <v>194767</v>
      </c>
      <c r="BH6" s="14">
        <v>24623419</v>
      </c>
      <c r="BI6" s="14">
        <v>6205102</v>
      </c>
      <c r="BJ6" s="14">
        <v>18418317</v>
      </c>
      <c r="BK6" s="14">
        <v>34211527</v>
      </c>
      <c r="BL6" s="14">
        <v>22631420</v>
      </c>
      <c r="BM6" s="14">
        <v>93993343</v>
      </c>
      <c r="BN6" s="14">
        <v>499538</v>
      </c>
      <c r="BO6" s="14">
        <v>103556594</v>
      </c>
      <c r="BP6" s="14">
        <v>54495041</v>
      </c>
      <c r="BQ6" s="14">
        <v>21087527</v>
      </c>
      <c r="BR6" s="14">
        <v>18021710</v>
      </c>
      <c r="BS6" s="14">
        <v>7335407</v>
      </c>
      <c r="BT6" s="14">
        <v>0</v>
      </c>
      <c r="BU6" s="14">
        <v>0</v>
      </c>
      <c r="BV6" s="14">
        <v>49134</v>
      </c>
      <c r="BW6" s="14">
        <v>0</v>
      </c>
      <c r="BX6" s="14">
        <v>0</v>
      </c>
      <c r="BY6" s="14">
        <v>49134</v>
      </c>
      <c r="BZ6" s="14">
        <v>0</v>
      </c>
      <c r="CA6" s="14">
        <v>117143</v>
      </c>
      <c r="CB6" s="14">
        <v>6885006</v>
      </c>
      <c r="CC6" s="14">
        <v>999114</v>
      </c>
      <c r="CD6" s="14">
        <v>49061553</v>
      </c>
      <c r="CE6" s="14">
        <v>4279820</v>
      </c>
      <c r="CF6" s="14">
        <v>0</v>
      </c>
      <c r="CG6" s="14">
        <v>1158928</v>
      </c>
      <c r="CH6" s="14">
        <v>43622805</v>
      </c>
      <c r="CI6" s="14">
        <v>43306765</v>
      </c>
      <c r="CJ6" s="14">
        <v>6899179</v>
      </c>
      <c r="CK6" s="14">
        <v>36407586</v>
      </c>
      <c r="CL6" s="14">
        <v>35847062</v>
      </c>
      <c r="CM6" s="14">
        <v>0</v>
      </c>
      <c r="CN6" s="14">
        <v>560524</v>
      </c>
      <c r="CO6" s="14">
        <v>730429</v>
      </c>
      <c r="CP6" s="14">
        <v>162566</v>
      </c>
      <c r="CQ6" s="14">
        <v>0</v>
      </c>
      <c r="CR6" s="14">
        <v>567863</v>
      </c>
      <c r="CS6" s="14">
        <v>41780809</v>
      </c>
      <c r="CT6" s="14">
        <v>22025353</v>
      </c>
      <c r="CU6" s="14">
        <v>8373843</v>
      </c>
      <c r="CV6" s="14">
        <v>13651510</v>
      </c>
      <c r="CW6" s="14">
        <v>174236584</v>
      </c>
      <c r="CX6" s="14">
        <v>272680</v>
      </c>
      <c r="CY6" s="14">
        <v>2549</v>
      </c>
      <c r="CZ6" s="14">
        <v>0</v>
      </c>
      <c r="DA6" s="14">
        <v>151130879</v>
      </c>
      <c r="DB6" s="14">
        <v>0</v>
      </c>
      <c r="DC6" s="14">
        <v>0</v>
      </c>
      <c r="DD6" s="14">
        <v>0</v>
      </c>
      <c r="DE6" s="14">
        <v>8293315</v>
      </c>
      <c r="DF6" s="14">
        <v>14537161</v>
      </c>
      <c r="DG6" s="14">
        <v>0</v>
      </c>
      <c r="DH6" s="14">
        <v>0</v>
      </c>
      <c r="DI6" s="14">
        <v>14537161</v>
      </c>
      <c r="DJ6" s="14">
        <v>142108096</v>
      </c>
      <c r="DK6" s="14">
        <v>2107978321</v>
      </c>
    </row>
    <row r="7" spans="1:115" s="13" customFormat="1" ht="17.25" customHeight="1">
      <c r="A7" s="6" t="s">
        <v>204</v>
      </c>
      <c r="B7" s="15">
        <v>378170636</v>
      </c>
      <c r="C7" s="15">
        <v>3455698</v>
      </c>
      <c r="D7" s="15">
        <v>1075145</v>
      </c>
      <c r="E7" s="15">
        <v>0</v>
      </c>
      <c r="F7" s="15">
        <v>548878</v>
      </c>
      <c r="G7" s="15">
        <v>8182</v>
      </c>
      <c r="H7" s="15">
        <v>1659359</v>
      </c>
      <c r="I7" s="15">
        <v>0</v>
      </c>
      <c r="J7" s="15">
        <v>164134</v>
      </c>
      <c r="K7" s="15">
        <v>109345</v>
      </c>
      <c r="L7" s="15">
        <v>2206549</v>
      </c>
      <c r="M7" s="15">
        <v>1697307</v>
      </c>
      <c r="N7" s="15">
        <v>429649</v>
      </c>
      <c r="O7" s="15">
        <v>35367530</v>
      </c>
      <c r="P7" s="15">
        <v>34690</v>
      </c>
      <c r="Q7" s="15">
        <v>7003</v>
      </c>
      <c r="R7" s="15">
        <v>3792229</v>
      </c>
      <c r="S7" s="15">
        <v>933619</v>
      </c>
      <c r="T7" s="15">
        <v>3395150</v>
      </c>
      <c r="U7" s="15">
        <v>2209026</v>
      </c>
      <c r="V7" s="15">
        <v>339619</v>
      </c>
      <c r="W7" s="15">
        <v>0</v>
      </c>
      <c r="X7" s="24">
        <v>339288</v>
      </c>
      <c r="Y7" s="15">
        <v>331</v>
      </c>
      <c r="Z7" s="15">
        <v>309414</v>
      </c>
      <c r="AA7" s="15">
        <v>8651794</v>
      </c>
      <c r="AB7" s="15">
        <v>56754</v>
      </c>
      <c r="AC7" s="15">
        <v>8595040</v>
      </c>
      <c r="AD7" s="15">
        <v>12516199</v>
      </c>
      <c r="AE7" s="15">
        <v>540167</v>
      </c>
      <c r="AF7" s="15">
        <v>441748</v>
      </c>
      <c r="AG7" s="15">
        <v>0</v>
      </c>
      <c r="AH7" s="15">
        <v>98419</v>
      </c>
      <c r="AI7" s="15">
        <v>371542</v>
      </c>
      <c r="AJ7" s="15">
        <v>5014753</v>
      </c>
      <c r="AK7" s="15">
        <v>6589737</v>
      </c>
      <c r="AL7" s="15">
        <v>3370917</v>
      </c>
      <c r="AM7" s="15">
        <v>147630</v>
      </c>
      <c r="AN7" s="15">
        <v>3223287</v>
      </c>
      <c r="AO7" s="15">
        <v>191053563</v>
      </c>
      <c r="AP7" s="15">
        <v>14239721</v>
      </c>
      <c r="AQ7" s="15">
        <v>41494709</v>
      </c>
      <c r="AR7" s="15">
        <v>28734718</v>
      </c>
      <c r="AS7" s="15">
        <v>11319290</v>
      </c>
      <c r="AT7" s="15">
        <v>14541413</v>
      </c>
      <c r="AU7" s="15">
        <v>0</v>
      </c>
      <c r="AV7" s="15">
        <v>8598170</v>
      </c>
      <c r="AW7" s="15">
        <v>0</v>
      </c>
      <c r="AX7" s="15">
        <v>0</v>
      </c>
      <c r="AY7" s="15">
        <v>550234</v>
      </c>
      <c r="AZ7" s="15">
        <v>0</v>
      </c>
      <c r="BA7" s="15">
        <v>0</v>
      </c>
      <c r="BB7" s="15">
        <v>550234</v>
      </c>
      <c r="BC7" s="15">
        <v>0</v>
      </c>
      <c r="BD7" s="15">
        <v>6263862</v>
      </c>
      <c r="BE7" s="15">
        <v>0</v>
      </c>
      <c r="BF7" s="15">
        <v>0</v>
      </c>
      <c r="BG7" s="15">
        <v>94949</v>
      </c>
      <c r="BH7" s="15">
        <v>9862036</v>
      </c>
      <c r="BI7" s="15">
        <v>3532109</v>
      </c>
      <c r="BJ7" s="15">
        <v>6329927</v>
      </c>
      <c r="BK7" s="15">
        <v>16361083</v>
      </c>
      <c r="BL7" s="15">
        <v>20647714</v>
      </c>
      <c r="BM7" s="15">
        <v>18345664</v>
      </c>
      <c r="BN7" s="15">
        <v>0</v>
      </c>
      <c r="BO7" s="15">
        <v>40350020</v>
      </c>
      <c r="BP7" s="15">
        <v>34226322</v>
      </c>
      <c r="BQ7" s="15">
        <v>11016473</v>
      </c>
      <c r="BR7" s="15">
        <v>6214205</v>
      </c>
      <c r="BS7" s="15">
        <v>3092594</v>
      </c>
      <c r="BT7" s="15">
        <v>951674</v>
      </c>
      <c r="BU7" s="15">
        <v>0</v>
      </c>
      <c r="BV7" s="15">
        <v>491470</v>
      </c>
      <c r="BW7" s="15">
        <v>0</v>
      </c>
      <c r="BX7" s="15">
        <v>0</v>
      </c>
      <c r="BY7" s="15">
        <v>491470</v>
      </c>
      <c r="BZ7" s="15">
        <v>0</v>
      </c>
      <c r="CA7" s="15">
        <v>0</v>
      </c>
      <c r="CB7" s="15">
        <v>4071917</v>
      </c>
      <c r="CC7" s="15">
        <v>8387989</v>
      </c>
      <c r="CD7" s="15">
        <v>6123698</v>
      </c>
      <c r="CE7" s="15">
        <v>254613</v>
      </c>
      <c r="CF7" s="15">
        <v>0</v>
      </c>
      <c r="CG7" s="15">
        <v>1247617</v>
      </c>
      <c r="CH7" s="15">
        <v>4621468</v>
      </c>
      <c r="CI7" s="15">
        <v>9620702</v>
      </c>
      <c r="CJ7" s="15">
        <v>2658398</v>
      </c>
      <c r="CK7" s="15">
        <v>6962304</v>
      </c>
      <c r="CL7" s="15">
        <v>497927</v>
      </c>
      <c r="CM7" s="15">
        <v>0</v>
      </c>
      <c r="CN7" s="15">
        <v>6464377</v>
      </c>
      <c r="CO7" s="15">
        <v>1334904</v>
      </c>
      <c r="CP7" s="15">
        <v>630089</v>
      </c>
      <c r="CQ7" s="15">
        <v>0</v>
      </c>
      <c r="CR7" s="15">
        <v>704815</v>
      </c>
      <c r="CS7" s="15">
        <v>5727406</v>
      </c>
      <c r="CT7" s="15">
        <v>5375801</v>
      </c>
      <c r="CU7" s="15">
        <v>3215208</v>
      </c>
      <c r="CV7" s="15">
        <v>2160593</v>
      </c>
      <c r="CW7" s="15">
        <v>33391693</v>
      </c>
      <c r="CX7" s="15">
        <v>125700</v>
      </c>
      <c r="CY7" s="15">
        <v>918</v>
      </c>
      <c r="CZ7" s="15">
        <v>0</v>
      </c>
      <c r="DA7" s="15">
        <v>21595404</v>
      </c>
      <c r="DB7" s="15">
        <v>990877</v>
      </c>
      <c r="DC7" s="15">
        <v>0</v>
      </c>
      <c r="DD7" s="15">
        <v>990877</v>
      </c>
      <c r="DE7" s="15">
        <v>4326331</v>
      </c>
      <c r="DF7" s="15">
        <v>6352463</v>
      </c>
      <c r="DG7" s="15">
        <v>0</v>
      </c>
      <c r="DH7" s="15">
        <v>0</v>
      </c>
      <c r="DI7" s="15">
        <v>6352463</v>
      </c>
      <c r="DJ7" s="15">
        <v>61491000</v>
      </c>
      <c r="DK7" s="15">
        <v>805341463</v>
      </c>
    </row>
    <row r="8" spans="1:115" ht="17.25" customHeight="1">
      <c r="A8" s="18" t="s">
        <v>181</v>
      </c>
      <c r="B8" s="19">
        <v>134401563</v>
      </c>
      <c r="C8" s="19">
        <v>1727090</v>
      </c>
      <c r="D8" s="19">
        <v>662253</v>
      </c>
      <c r="E8" s="19">
        <v>0</v>
      </c>
      <c r="F8" s="19">
        <v>0</v>
      </c>
      <c r="G8" s="19">
        <v>17354</v>
      </c>
      <c r="H8" s="19">
        <v>950585</v>
      </c>
      <c r="I8" s="19">
        <v>0</v>
      </c>
      <c r="J8" s="19">
        <v>96898</v>
      </c>
      <c r="K8" s="19">
        <v>38491</v>
      </c>
      <c r="L8" s="19">
        <v>774032</v>
      </c>
      <c r="M8" s="19">
        <v>593238</v>
      </c>
      <c r="N8" s="19">
        <v>114325</v>
      </c>
      <c r="O8" s="19">
        <v>16546722</v>
      </c>
      <c r="P8" s="19">
        <v>163593</v>
      </c>
      <c r="Q8" s="19">
        <v>4187</v>
      </c>
      <c r="R8" s="19">
        <v>3047960</v>
      </c>
      <c r="S8" s="19">
        <v>570026</v>
      </c>
      <c r="T8" s="19">
        <v>1404137</v>
      </c>
      <c r="U8" s="19">
        <v>1151527</v>
      </c>
      <c r="V8" s="19">
        <v>23649389</v>
      </c>
      <c r="W8" s="19">
        <v>22556555</v>
      </c>
      <c r="X8" s="25">
        <v>1092698</v>
      </c>
      <c r="Y8" s="19">
        <v>136</v>
      </c>
      <c r="Z8" s="19">
        <v>200727</v>
      </c>
      <c r="AA8" s="19">
        <v>877128</v>
      </c>
      <c r="AB8" s="19">
        <v>21616</v>
      </c>
      <c r="AC8" s="19">
        <v>855512</v>
      </c>
      <c r="AD8" s="19">
        <v>3238890</v>
      </c>
      <c r="AE8" s="19">
        <v>56</v>
      </c>
      <c r="AF8" s="19">
        <v>0</v>
      </c>
      <c r="AG8" s="19">
        <v>56</v>
      </c>
      <c r="AH8" s="19">
        <v>0</v>
      </c>
      <c r="AI8" s="19">
        <v>221868</v>
      </c>
      <c r="AJ8" s="19">
        <v>861532</v>
      </c>
      <c r="AK8" s="19">
        <v>2155434</v>
      </c>
      <c r="AL8" s="19">
        <v>1989613</v>
      </c>
      <c r="AM8" s="19">
        <v>98269</v>
      </c>
      <c r="AN8" s="19">
        <v>1891344</v>
      </c>
      <c r="AO8" s="19">
        <v>84630573</v>
      </c>
      <c r="AP8" s="19">
        <v>6928672</v>
      </c>
      <c r="AQ8" s="19">
        <v>18355992</v>
      </c>
      <c r="AR8" s="19">
        <v>13000129</v>
      </c>
      <c r="AS8" s="19">
        <v>8848237</v>
      </c>
      <c r="AT8" s="19">
        <v>6686434</v>
      </c>
      <c r="AU8" s="19">
        <v>0</v>
      </c>
      <c r="AV8" s="19">
        <v>552107</v>
      </c>
      <c r="AW8" s="19">
        <v>113838</v>
      </c>
      <c r="AX8" s="19">
        <v>0</v>
      </c>
      <c r="AY8" s="19">
        <v>251663</v>
      </c>
      <c r="AZ8" s="19">
        <v>0</v>
      </c>
      <c r="BA8" s="19">
        <v>0</v>
      </c>
      <c r="BB8" s="19">
        <v>251663</v>
      </c>
      <c r="BC8" s="19">
        <v>0</v>
      </c>
      <c r="BD8" s="19">
        <v>1646569</v>
      </c>
      <c r="BE8" s="19">
        <v>77131</v>
      </c>
      <c r="BF8" s="19">
        <v>0</v>
      </c>
      <c r="BG8" s="19">
        <v>0</v>
      </c>
      <c r="BH8" s="19">
        <v>6888190</v>
      </c>
      <c r="BI8" s="19">
        <v>2674609</v>
      </c>
      <c r="BJ8" s="19">
        <v>4213581</v>
      </c>
      <c r="BK8" s="19">
        <v>8755591</v>
      </c>
      <c r="BL8" s="19">
        <v>5770008</v>
      </c>
      <c r="BM8" s="19">
        <v>6756012</v>
      </c>
      <c r="BN8" s="19">
        <v>1342760</v>
      </c>
      <c r="BO8" s="19">
        <v>20924927</v>
      </c>
      <c r="BP8" s="19">
        <v>15827721</v>
      </c>
      <c r="BQ8" s="19">
        <v>4737019</v>
      </c>
      <c r="BR8" s="19">
        <v>3966263</v>
      </c>
      <c r="BS8" s="19">
        <v>1468520</v>
      </c>
      <c r="BT8" s="19">
        <v>19000</v>
      </c>
      <c r="BU8" s="19">
        <v>0</v>
      </c>
      <c r="BV8" s="19">
        <v>233813</v>
      </c>
      <c r="BW8" s="19">
        <v>0</v>
      </c>
      <c r="BX8" s="19">
        <v>0</v>
      </c>
      <c r="BY8" s="19">
        <v>233813</v>
      </c>
      <c r="BZ8" s="19">
        <v>28958</v>
      </c>
      <c r="CA8" s="19">
        <v>0</v>
      </c>
      <c r="CB8" s="19">
        <v>2561702</v>
      </c>
      <c r="CC8" s="19">
        <v>2812446</v>
      </c>
      <c r="CD8" s="19">
        <v>5097206</v>
      </c>
      <c r="CE8" s="19">
        <v>356882</v>
      </c>
      <c r="CF8" s="19">
        <v>0</v>
      </c>
      <c r="CG8" s="19">
        <v>0</v>
      </c>
      <c r="CH8" s="19">
        <v>4740324</v>
      </c>
      <c r="CI8" s="19">
        <v>747115</v>
      </c>
      <c r="CJ8" s="19">
        <v>193542</v>
      </c>
      <c r="CK8" s="19">
        <v>553573</v>
      </c>
      <c r="CL8" s="19">
        <v>544340</v>
      </c>
      <c r="CM8" s="19">
        <v>0</v>
      </c>
      <c r="CN8" s="19">
        <v>9233</v>
      </c>
      <c r="CO8" s="19">
        <v>945424</v>
      </c>
      <c r="CP8" s="19">
        <v>914908</v>
      </c>
      <c r="CQ8" s="19">
        <v>7034</v>
      </c>
      <c r="CR8" s="19">
        <v>23482</v>
      </c>
      <c r="CS8" s="19">
        <v>8470340</v>
      </c>
      <c r="CT8" s="19">
        <v>13313282</v>
      </c>
      <c r="CU8" s="19">
        <v>12210502</v>
      </c>
      <c r="CV8" s="19">
        <v>1102780</v>
      </c>
      <c r="CW8" s="19">
        <v>13147341</v>
      </c>
      <c r="CX8" s="19">
        <v>175474</v>
      </c>
      <c r="CY8" s="19">
        <v>331</v>
      </c>
      <c r="CZ8" s="19">
        <v>0</v>
      </c>
      <c r="DA8" s="19">
        <v>7961219</v>
      </c>
      <c r="DB8" s="19">
        <v>505767</v>
      </c>
      <c r="DC8" s="19">
        <v>201034</v>
      </c>
      <c r="DD8" s="19">
        <v>304733</v>
      </c>
      <c r="DE8" s="19">
        <v>1156260</v>
      </c>
      <c r="DF8" s="19">
        <v>3348290</v>
      </c>
      <c r="DG8" s="19">
        <v>0</v>
      </c>
      <c r="DH8" s="19">
        <v>0</v>
      </c>
      <c r="DI8" s="19">
        <v>3348290</v>
      </c>
      <c r="DJ8" s="19">
        <v>20079100</v>
      </c>
      <c r="DK8" s="19">
        <v>354093500</v>
      </c>
    </row>
    <row r="9" spans="1:115" ht="17.25" customHeight="1">
      <c r="A9" s="6" t="s">
        <v>205</v>
      </c>
      <c r="B9" s="15">
        <v>59138443</v>
      </c>
      <c r="C9" s="15">
        <v>673302</v>
      </c>
      <c r="D9" s="15">
        <v>154450</v>
      </c>
      <c r="E9" s="15">
        <v>0</v>
      </c>
      <c r="F9" s="15">
        <v>15219</v>
      </c>
      <c r="G9" s="15">
        <v>0</v>
      </c>
      <c r="H9" s="15">
        <v>462291</v>
      </c>
      <c r="I9" s="15">
        <v>0</v>
      </c>
      <c r="J9" s="15">
        <v>41342</v>
      </c>
      <c r="K9" s="15">
        <v>19455</v>
      </c>
      <c r="L9" s="15">
        <v>390335</v>
      </c>
      <c r="M9" s="15">
        <v>298432</v>
      </c>
      <c r="N9" s="15">
        <v>0</v>
      </c>
      <c r="O9" s="15">
        <v>8938049</v>
      </c>
      <c r="P9" s="15">
        <v>21378</v>
      </c>
      <c r="Q9" s="15">
        <v>1363</v>
      </c>
      <c r="R9" s="15">
        <v>0</v>
      </c>
      <c r="S9" s="15">
        <v>142976</v>
      </c>
      <c r="T9" s="15">
        <v>809636</v>
      </c>
      <c r="U9" s="15">
        <v>390563</v>
      </c>
      <c r="V9" s="15">
        <v>18325022</v>
      </c>
      <c r="W9" s="15">
        <v>17275742</v>
      </c>
      <c r="X9" s="24">
        <v>1049280</v>
      </c>
      <c r="Y9" s="15">
        <v>0</v>
      </c>
      <c r="Z9" s="15">
        <v>45678</v>
      </c>
      <c r="AA9" s="15">
        <v>928750</v>
      </c>
      <c r="AB9" s="15">
        <v>673944</v>
      </c>
      <c r="AC9" s="15">
        <v>254806</v>
      </c>
      <c r="AD9" s="15">
        <v>3455063</v>
      </c>
      <c r="AE9" s="15">
        <v>136211</v>
      </c>
      <c r="AF9" s="15">
        <v>120901</v>
      </c>
      <c r="AG9" s="15">
        <v>48</v>
      </c>
      <c r="AH9" s="15">
        <v>15262</v>
      </c>
      <c r="AI9" s="15">
        <v>53934</v>
      </c>
      <c r="AJ9" s="15">
        <v>1009880</v>
      </c>
      <c r="AK9" s="15">
        <v>2255038</v>
      </c>
      <c r="AL9" s="15">
        <v>919055</v>
      </c>
      <c r="AM9" s="15">
        <v>5331</v>
      </c>
      <c r="AN9" s="15">
        <v>913724</v>
      </c>
      <c r="AO9" s="15">
        <v>42102316</v>
      </c>
      <c r="AP9" s="15">
        <v>0</v>
      </c>
      <c r="AQ9" s="15">
        <v>6926287</v>
      </c>
      <c r="AR9" s="15">
        <v>2499326</v>
      </c>
      <c r="AS9" s="15">
        <v>3716256</v>
      </c>
      <c r="AT9" s="15">
        <v>2952736</v>
      </c>
      <c r="AU9" s="15">
        <v>0</v>
      </c>
      <c r="AV9" s="15">
        <v>835219</v>
      </c>
      <c r="AW9" s="15">
        <v>0</v>
      </c>
      <c r="AX9" s="15">
        <v>0</v>
      </c>
      <c r="AY9" s="15">
        <v>143521</v>
      </c>
      <c r="AZ9" s="15">
        <v>0</v>
      </c>
      <c r="BA9" s="15">
        <v>0</v>
      </c>
      <c r="BB9" s="15">
        <v>143521</v>
      </c>
      <c r="BC9" s="15">
        <v>0</v>
      </c>
      <c r="BD9" s="15">
        <v>2354669</v>
      </c>
      <c r="BE9" s="15">
        <v>431690</v>
      </c>
      <c r="BF9" s="15">
        <v>0</v>
      </c>
      <c r="BG9" s="15">
        <v>66315</v>
      </c>
      <c r="BH9" s="15">
        <v>3538142</v>
      </c>
      <c r="BI9" s="15">
        <v>544086</v>
      </c>
      <c r="BJ9" s="15">
        <v>2994056</v>
      </c>
      <c r="BK9" s="15">
        <v>4338190</v>
      </c>
      <c r="BL9" s="15">
        <v>7484902</v>
      </c>
      <c r="BM9" s="15">
        <v>6815063</v>
      </c>
      <c r="BN9" s="15">
        <v>2332711</v>
      </c>
      <c r="BO9" s="15">
        <v>11245106</v>
      </c>
      <c r="BP9" s="15">
        <v>7843969</v>
      </c>
      <c r="BQ9" s="15">
        <v>1097942</v>
      </c>
      <c r="BR9" s="15">
        <v>1804721</v>
      </c>
      <c r="BS9" s="15">
        <v>662315</v>
      </c>
      <c r="BT9" s="15">
        <v>200315</v>
      </c>
      <c r="BU9" s="15">
        <v>0</v>
      </c>
      <c r="BV9" s="15">
        <v>155175</v>
      </c>
      <c r="BW9" s="15">
        <v>0</v>
      </c>
      <c r="BX9" s="15">
        <v>0</v>
      </c>
      <c r="BY9" s="15">
        <v>155175</v>
      </c>
      <c r="BZ9" s="15">
        <v>0</v>
      </c>
      <c r="CA9" s="15">
        <v>8118</v>
      </c>
      <c r="CB9" s="15">
        <v>1091733</v>
      </c>
      <c r="CC9" s="15">
        <v>2823650</v>
      </c>
      <c r="CD9" s="15">
        <v>3401137</v>
      </c>
      <c r="CE9" s="15">
        <v>0</v>
      </c>
      <c r="CF9" s="15">
        <v>0</v>
      </c>
      <c r="CG9" s="15">
        <v>0</v>
      </c>
      <c r="CH9" s="15">
        <v>3401137</v>
      </c>
      <c r="CI9" s="15">
        <v>497517</v>
      </c>
      <c r="CJ9" s="15">
        <v>186528</v>
      </c>
      <c r="CK9" s="15">
        <v>310989</v>
      </c>
      <c r="CL9" s="15">
        <v>297488</v>
      </c>
      <c r="CM9" s="15">
        <v>0</v>
      </c>
      <c r="CN9" s="15">
        <v>13501</v>
      </c>
      <c r="CO9" s="15">
        <v>428364</v>
      </c>
      <c r="CP9" s="15">
        <v>259049</v>
      </c>
      <c r="CQ9" s="15">
        <v>30000</v>
      </c>
      <c r="CR9" s="15">
        <v>139315</v>
      </c>
      <c r="CS9" s="15">
        <v>4079762</v>
      </c>
      <c r="CT9" s="15">
        <v>4800317</v>
      </c>
      <c r="CU9" s="15">
        <v>4256545</v>
      </c>
      <c r="CV9" s="15">
        <v>543772</v>
      </c>
      <c r="CW9" s="15">
        <v>5740154</v>
      </c>
      <c r="CX9" s="15">
        <v>97398</v>
      </c>
      <c r="CY9" s="15">
        <v>22</v>
      </c>
      <c r="CZ9" s="15">
        <v>0</v>
      </c>
      <c r="DA9" s="15">
        <v>1912480</v>
      </c>
      <c r="DB9" s="15">
        <v>225962</v>
      </c>
      <c r="DC9" s="15">
        <v>225962</v>
      </c>
      <c r="DD9" s="15">
        <v>0</v>
      </c>
      <c r="DE9" s="15">
        <v>0</v>
      </c>
      <c r="DF9" s="15">
        <v>3504292</v>
      </c>
      <c r="DG9" s="15">
        <v>0</v>
      </c>
      <c r="DH9" s="15">
        <v>0</v>
      </c>
      <c r="DI9" s="15">
        <v>3504292</v>
      </c>
      <c r="DJ9" s="15">
        <v>15063700</v>
      </c>
      <c r="DK9" s="15">
        <v>180787447</v>
      </c>
    </row>
    <row r="10" spans="1:115" s="13" customFormat="1" ht="17.25" customHeight="1">
      <c r="A10" s="6" t="s">
        <v>206</v>
      </c>
      <c r="B10" s="15">
        <v>43787467</v>
      </c>
      <c r="C10" s="15">
        <v>518569</v>
      </c>
      <c r="D10" s="15">
        <v>122355</v>
      </c>
      <c r="E10" s="15">
        <v>0</v>
      </c>
      <c r="F10" s="15">
        <v>0</v>
      </c>
      <c r="G10" s="15">
        <v>0</v>
      </c>
      <c r="H10" s="15">
        <v>366228</v>
      </c>
      <c r="I10" s="15">
        <v>0</v>
      </c>
      <c r="J10" s="15">
        <v>29986</v>
      </c>
      <c r="K10" s="15">
        <v>13172</v>
      </c>
      <c r="L10" s="15">
        <v>264650</v>
      </c>
      <c r="M10" s="15">
        <v>202632</v>
      </c>
      <c r="N10" s="15">
        <v>0</v>
      </c>
      <c r="O10" s="15">
        <v>6125009</v>
      </c>
      <c r="P10" s="15">
        <v>42752</v>
      </c>
      <c r="Q10" s="15">
        <v>1083</v>
      </c>
      <c r="R10" s="15">
        <v>0</v>
      </c>
      <c r="S10" s="15">
        <v>113575</v>
      </c>
      <c r="T10" s="15">
        <v>651736</v>
      </c>
      <c r="U10" s="15">
        <v>303794</v>
      </c>
      <c r="V10" s="15">
        <v>2276896</v>
      </c>
      <c r="W10" s="15">
        <v>2007801</v>
      </c>
      <c r="X10" s="24">
        <v>269095</v>
      </c>
      <c r="Y10" s="15">
        <v>0</v>
      </c>
      <c r="Z10" s="15">
        <v>36199</v>
      </c>
      <c r="AA10" s="15">
        <v>828500</v>
      </c>
      <c r="AB10" s="15">
        <v>366808</v>
      </c>
      <c r="AC10" s="15">
        <v>461692</v>
      </c>
      <c r="AD10" s="15">
        <v>1008710</v>
      </c>
      <c r="AE10" s="15">
        <v>120</v>
      </c>
      <c r="AF10" s="15">
        <v>0</v>
      </c>
      <c r="AG10" s="15">
        <v>120</v>
      </c>
      <c r="AH10" s="15">
        <v>0</v>
      </c>
      <c r="AI10" s="15">
        <v>78141</v>
      </c>
      <c r="AJ10" s="15">
        <v>300388</v>
      </c>
      <c r="AK10" s="15">
        <v>630061</v>
      </c>
      <c r="AL10" s="15">
        <v>669277</v>
      </c>
      <c r="AM10" s="15">
        <v>30787</v>
      </c>
      <c r="AN10" s="15">
        <v>638490</v>
      </c>
      <c r="AO10" s="15">
        <v>22418806</v>
      </c>
      <c r="AP10" s="15">
        <v>0</v>
      </c>
      <c r="AQ10" s="15">
        <v>4951695</v>
      </c>
      <c r="AR10" s="15">
        <v>2608205</v>
      </c>
      <c r="AS10" s="15">
        <v>2622188</v>
      </c>
      <c r="AT10" s="15">
        <v>2354349</v>
      </c>
      <c r="AU10" s="15">
        <v>0</v>
      </c>
      <c r="AV10" s="15">
        <v>430039</v>
      </c>
      <c r="AW10" s="15">
        <v>0</v>
      </c>
      <c r="AX10" s="15">
        <v>0</v>
      </c>
      <c r="AY10" s="15">
        <v>57280</v>
      </c>
      <c r="AZ10" s="15">
        <v>0</v>
      </c>
      <c r="BA10" s="15">
        <v>0</v>
      </c>
      <c r="BB10" s="15">
        <v>57280</v>
      </c>
      <c r="BC10" s="15">
        <v>0</v>
      </c>
      <c r="BD10" s="15">
        <v>239080</v>
      </c>
      <c r="BE10" s="15">
        <v>0</v>
      </c>
      <c r="BF10" s="15">
        <v>0</v>
      </c>
      <c r="BG10" s="15">
        <v>4800</v>
      </c>
      <c r="BH10" s="15">
        <v>1745998</v>
      </c>
      <c r="BI10" s="15">
        <v>777716</v>
      </c>
      <c r="BJ10" s="15">
        <v>968282</v>
      </c>
      <c r="BK10" s="15">
        <v>2227941</v>
      </c>
      <c r="BL10" s="15">
        <v>2821354</v>
      </c>
      <c r="BM10" s="15">
        <v>2355877</v>
      </c>
      <c r="BN10" s="15">
        <v>0</v>
      </c>
      <c r="BO10" s="15">
        <v>6441809</v>
      </c>
      <c r="BP10" s="15">
        <v>4073761</v>
      </c>
      <c r="BQ10" s="15">
        <v>1110009</v>
      </c>
      <c r="BR10" s="15">
        <v>1307592</v>
      </c>
      <c r="BS10" s="15">
        <v>519226</v>
      </c>
      <c r="BT10" s="15">
        <v>29700</v>
      </c>
      <c r="BU10" s="15">
        <v>0</v>
      </c>
      <c r="BV10" s="15">
        <v>99947</v>
      </c>
      <c r="BW10" s="15">
        <v>0</v>
      </c>
      <c r="BX10" s="15">
        <v>0</v>
      </c>
      <c r="BY10" s="15">
        <v>99947</v>
      </c>
      <c r="BZ10" s="15">
        <v>0</v>
      </c>
      <c r="CA10" s="15">
        <v>0</v>
      </c>
      <c r="CB10" s="15">
        <v>0</v>
      </c>
      <c r="CC10" s="15">
        <v>1007287</v>
      </c>
      <c r="CD10" s="15">
        <v>2368048</v>
      </c>
      <c r="CE10" s="15">
        <v>0</v>
      </c>
      <c r="CF10" s="15">
        <v>0</v>
      </c>
      <c r="CG10" s="15">
        <v>0</v>
      </c>
      <c r="CH10" s="15">
        <v>2368048</v>
      </c>
      <c r="CI10" s="15">
        <v>861730</v>
      </c>
      <c r="CJ10" s="15">
        <v>125277</v>
      </c>
      <c r="CK10" s="15">
        <v>736453</v>
      </c>
      <c r="CL10" s="15">
        <v>732908</v>
      </c>
      <c r="CM10" s="15">
        <v>0</v>
      </c>
      <c r="CN10" s="15">
        <v>3545</v>
      </c>
      <c r="CO10" s="15">
        <v>148148</v>
      </c>
      <c r="CP10" s="15">
        <v>91543</v>
      </c>
      <c r="CQ10" s="15">
        <v>31000</v>
      </c>
      <c r="CR10" s="15">
        <v>25605</v>
      </c>
      <c r="CS10" s="15">
        <v>2538936</v>
      </c>
      <c r="CT10" s="15">
        <v>4339906</v>
      </c>
      <c r="CU10" s="15">
        <v>3330431</v>
      </c>
      <c r="CV10" s="15">
        <v>1009475</v>
      </c>
      <c r="CW10" s="15">
        <v>3847059</v>
      </c>
      <c r="CX10" s="15">
        <v>120998</v>
      </c>
      <c r="CY10" s="15">
        <v>0</v>
      </c>
      <c r="CZ10" s="15">
        <v>3350</v>
      </c>
      <c r="DA10" s="15">
        <v>2102377</v>
      </c>
      <c r="DB10" s="15">
        <v>0</v>
      </c>
      <c r="DC10" s="15">
        <v>0</v>
      </c>
      <c r="DD10" s="15">
        <v>0</v>
      </c>
      <c r="DE10" s="15">
        <v>450000</v>
      </c>
      <c r="DF10" s="15">
        <v>1170334</v>
      </c>
      <c r="DG10" s="15">
        <v>0</v>
      </c>
      <c r="DH10" s="15">
        <v>0</v>
      </c>
      <c r="DI10" s="15">
        <v>1170334</v>
      </c>
      <c r="DJ10" s="15">
        <v>2977831</v>
      </c>
      <c r="DK10" s="15">
        <v>100418246</v>
      </c>
    </row>
    <row r="11" spans="1:115" s="13" customFormat="1" ht="17.25" customHeight="1">
      <c r="A11" s="6" t="s">
        <v>207</v>
      </c>
      <c r="B11" s="15">
        <v>37555623</v>
      </c>
      <c r="C11" s="15">
        <v>308744</v>
      </c>
      <c r="D11" s="15">
        <v>72547</v>
      </c>
      <c r="E11" s="15">
        <v>0</v>
      </c>
      <c r="F11" s="15">
        <v>0</v>
      </c>
      <c r="G11" s="15">
        <v>0</v>
      </c>
      <c r="H11" s="15">
        <v>217147</v>
      </c>
      <c r="I11" s="15">
        <v>0</v>
      </c>
      <c r="J11" s="15">
        <v>19050</v>
      </c>
      <c r="K11" s="15">
        <v>13756</v>
      </c>
      <c r="L11" s="15">
        <v>277093</v>
      </c>
      <c r="M11" s="15">
        <v>212740</v>
      </c>
      <c r="N11" s="15">
        <v>0</v>
      </c>
      <c r="O11" s="15">
        <v>4067735</v>
      </c>
      <c r="P11" s="15">
        <v>23527</v>
      </c>
      <c r="Q11" s="15">
        <v>639</v>
      </c>
      <c r="R11" s="15">
        <v>0</v>
      </c>
      <c r="S11" s="15">
        <v>67016</v>
      </c>
      <c r="T11" s="15">
        <v>395664</v>
      </c>
      <c r="U11" s="15">
        <v>156423</v>
      </c>
      <c r="V11" s="15">
        <v>34336</v>
      </c>
      <c r="W11" s="15">
        <v>0</v>
      </c>
      <c r="X11" s="24">
        <v>34186</v>
      </c>
      <c r="Y11" s="15">
        <v>150</v>
      </c>
      <c r="Z11" s="15">
        <v>18981</v>
      </c>
      <c r="AA11" s="15">
        <v>269099</v>
      </c>
      <c r="AB11" s="15">
        <v>11741</v>
      </c>
      <c r="AC11" s="15">
        <v>257358</v>
      </c>
      <c r="AD11" s="15">
        <v>481100</v>
      </c>
      <c r="AE11" s="15">
        <v>0</v>
      </c>
      <c r="AF11" s="15">
        <v>0</v>
      </c>
      <c r="AG11" s="15">
        <v>0</v>
      </c>
      <c r="AH11" s="15">
        <v>0</v>
      </c>
      <c r="AI11" s="15">
        <v>74977</v>
      </c>
      <c r="AJ11" s="15">
        <v>108197</v>
      </c>
      <c r="AK11" s="15">
        <v>297926</v>
      </c>
      <c r="AL11" s="15">
        <v>740710</v>
      </c>
      <c r="AM11" s="15">
        <v>43815</v>
      </c>
      <c r="AN11" s="15">
        <v>696895</v>
      </c>
      <c r="AO11" s="15">
        <v>13609835</v>
      </c>
      <c r="AP11" s="15">
        <v>0</v>
      </c>
      <c r="AQ11" s="15">
        <v>1626822</v>
      </c>
      <c r="AR11" s="15">
        <v>1836884</v>
      </c>
      <c r="AS11" s="15">
        <v>1588615</v>
      </c>
      <c r="AT11" s="15">
        <v>1353348</v>
      </c>
      <c r="AU11" s="15">
        <v>0</v>
      </c>
      <c r="AV11" s="15">
        <v>482371</v>
      </c>
      <c r="AW11" s="15">
        <v>0</v>
      </c>
      <c r="AX11" s="15">
        <v>0</v>
      </c>
      <c r="AY11" s="15">
        <v>40813</v>
      </c>
      <c r="AZ11" s="15">
        <v>0</v>
      </c>
      <c r="BA11" s="15">
        <v>0</v>
      </c>
      <c r="BB11" s="15">
        <v>40813</v>
      </c>
      <c r="BC11" s="15">
        <v>0</v>
      </c>
      <c r="BD11" s="15">
        <v>189494</v>
      </c>
      <c r="BE11" s="15">
        <v>0</v>
      </c>
      <c r="BF11" s="15">
        <v>0</v>
      </c>
      <c r="BG11" s="15">
        <v>5824</v>
      </c>
      <c r="BH11" s="15">
        <v>1084156</v>
      </c>
      <c r="BI11" s="15">
        <v>544270</v>
      </c>
      <c r="BJ11" s="15">
        <v>539886</v>
      </c>
      <c r="BK11" s="15">
        <v>1362175</v>
      </c>
      <c r="BL11" s="15">
        <v>2277578</v>
      </c>
      <c r="BM11" s="15">
        <v>1761755</v>
      </c>
      <c r="BN11" s="15">
        <v>0</v>
      </c>
      <c r="BO11" s="15">
        <v>4232096</v>
      </c>
      <c r="BP11" s="15">
        <v>2779943</v>
      </c>
      <c r="BQ11" s="15">
        <v>815156</v>
      </c>
      <c r="BR11" s="15">
        <v>808113</v>
      </c>
      <c r="BS11" s="15">
        <v>300299</v>
      </c>
      <c r="BT11" s="15">
        <v>44267</v>
      </c>
      <c r="BU11" s="15">
        <v>0</v>
      </c>
      <c r="BV11" s="15">
        <v>75010</v>
      </c>
      <c r="BW11" s="15">
        <v>0</v>
      </c>
      <c r="BX11" s="15">
        <v>0</v>
      </c>
      <c r="BY11" s="15">
        <v>75010</v>
      </c>
      <c r="BZ11" s="15">
        <v>0</v>
      </c>
      <c r="CA11" s="15">
        <v>0</v>
      </c>
      <c r="CB11" s="15">
        <v>610</v>
      </c>
      <c r="CC11" s="15">
        <v>736488</v>
      </c>
      <c r="CD11" s="15">
        <v>1452153</v>
      </c>
      <c r="CE11" s="15">
        <v>0</v>
      </c>
      <c r="CF11" s="15">
        <v>0</v>
      </c>
      <c r="CG11" s="15">
        <v>0</v>
      </c>
      <c r="CH11" s="15">
        <v>1452153</v>
      </c>
      <c r="CI11" s="15">
        <v>603638</v>
      </c>
      <c r="CJ11" s="15">
        <v>138543</v>
      </c>
      <c r="CK11" s="15">
        <v>465095</v>
      </c>
      <c r="CL11" s="15">
        <v>84170</v>
      </c>
      <c r="CM11" s="15">
        <v>0</v>
      </c>
      <c r="CN11" s="15">
        <v>380925</v>
      </c>
      <c r="CO11" s="15">
        <v>2431071</v>
      </c>
      <c r="CP11" s="15">
        <v>2405331</v>
      </c>
      <c r="CQ11" s="15">
        <v>0</v>
      </c>
      <c r="CR11" s="15">
        <v>25740</v>
      </c>
      <c r="CS11" s="15">
        <v>263662</v>
      </c>
      <c r="CT11" s="15">
        <v>4920553</v>
      </c>
      <c r="CU11" s="15">
        <v>4560901</v>
      </c>
      <c r="CV11" s="15">
        <v>359652</v>
      </c>
      <c r="CW11" s="15">
        <v>1086031</v>
      </c>
      <c r="CX11" s="15">
        <v>49865</v>
      </c>
      <c r="CY11" s="15">
        <v>68</v>
      </c>
      <c r="CZ11" s="15">
        <v>0</v>
      </c>
      <c r="DA11" s="15">
        <v>337000</v>
      </c>
      <c r="DB11" s="15">
        <v>0</v>
      </c>
      <c r="DC11" s="15">
        <v>0</v>
      </c>
      <c r="DD11" s="15">
        <v>0</v>
      </c>
      <c r="DE11" s="15">
        <v>0</v>
      </c>
      <c r="DF11" s="15">
        <v>699098</v>
      </c>
      <c r="DG11" s="15">
        <v>0</v>
      </c>
      <c r="DH11" s="15">
        <v>0</v>
      </c>
      <c r="DI11" s="15">
        <v>699098</v>
      </c>
      <c r="DJ11" s="15">
        <v>3141100</v>
      </c>
      <c r="DK11" s="15">
        <v>74911172</v>
      </c>
    </row>
    <row r="12" spans="1:115" s="13" customFormat="1" ht="17.25" customHeight="1">
      <c r="A12" s="6" t="s">
        <v>208</v>
      </c>
      <c r="B12" s="15">
        <v>84341380</v>
      </c>
      <c r="C12" s="15">
        <v>836999</v>
      </c>
      <c r="D12" s="15">
        <v>197606</v>
      </c>
      <c r="E12" s="15">
        <v>0</v>
      </c>
      <c r="F12" s="15">
        <v>0</v>
      </c>
      <c r="G12" s="15">
        <v>0</v>
      </c>
      <c r="H12" s="15">
        <v>591467</v>
      </c>
      <c r="I12" s="15">
        <v>0</v>
      </c>
      <c r="J12" s="15">
        <v>47926</v>
      </c>
      <c r="K12" s="15">
        <v>28359</v>
      </c>
      <c r="L12" s="15">
        <v>571270</v>
      </c>
      <c r="M12" s="15">
        <v>438604</v>
      </c>
      <c r="N12" s="15">
        <v>0</v>
      </c>
      <c r="O12" s="15">
        <v>10086701</v>
      </c>
      <c r="P12" s="15">
        <v>18085</v>
      </c>
      <c r="Q12" s="15">
        <v>1741</v>
      </c>
      <c r="R12" s="15">
        <v>0</v>
      </c>
      <c r="S12" s="15">
        <v>182662</v>
      </c>
      <c r="T12" s="15">
        <v>944937</v>
      </c>
      <c r="U12" s="15">
        <v>560273</v>
      </c>
      <c r="V12" s="15">
        <v>54671</v>
      </c>
      <c r="W12" s="15">
        <v>0</v>
      </c>
      <c r="X12" s="24">
        <v>54629</v>
      </c>
      <c r="Y12" s="15">
        <v>42</v>
      </c>
      <c r="Z12" s="15">
        <v>47114</v>
      </c>
      <c r="AA12" s="15">
        <v>1226916</v>
      </c>
      <c r="AB12" s="15">
        <v>126209</v>
      </c>
      <c r="AC12" s="15">
        <v>1100707</v>
      </c>
      <c r="AD12" s="15">
        <v>1743951</v>
      </c>
      <c r="AE12" s="15">
        <v>19134</v>
      </c>
      <c r="AF12" s="15">
        <v>0</v>
      </c>
      <c r="AG12" s="15">
        <v>0</v>
      </c>
      <c r="AH12" s="15">
        <v>19134</v>
      </c>
      <c r="AI12" s="15">
        <v>239323</v>
      </c>
      <c r="AJ12" s="15">
        <v>341574</v>
      </c>
      <c r="AK12" s="15">
        <v>1143920</v>
      </c>
      <c r="AL12" s="15">
        <v>2137070</v>
      </c>
      <c r="AM12" s="15">
        <v>97992</v>
      </c>
      <c r="AN12" s="15">
        <v>2039078</v>
      </c>
      <c r="AO12" s="15">
        <v>38019705</v>
      </c>
      <c r="AP12" s="15">
        <v>0</v>
      </c>
      <c r="AQ12" s="15">
        <v>7125354</v>
      </c>
      <c r="AR12" s="15">
        <v>5929895</v>
      </c>
      <c r="AS12" s="15">
        <v>4014893</v>
      </c>
      <c r="AT12" s="15">
        <v>4338915</v>
      </c>
      <c r="AU12" s="15">
        <v>0</v>
      </c>
      <c r="AV12" s="15">
        <v>1512483</v>
      </c>
      <c r="AW12" s="15">
        <v>0</v>
      </c>
      <c r="AX12" s="15">
        <v>0</v>
      </c>
      <c r="AY12" s="15">
        <v>133558</v>
      </c>
      <c r="AZ12" s="15">
        <v>0</v>
      </c>
      <c r="BA12" s="15">
        <v>0</v>
      </c>
      <c r="BB12" s="15">
        <v>133558</v>
      </c>
      <c r="BC12" s="15">
        <v>0</v>
      </c>
      <c r="BD12" s="15">
        <v>749300</v>
      </c>
      <c r="BE12" s="15">
        <v>117121</v>
      </c>
      <c r="BF12" s="15">
        <v>0</v>
      </c>
      <c r="BG12" s="15">
        <v>0</v>
      </c>
      <c r="BH12" s="15">
        <v>2570089</v>
      </c>
      <c r="BI12" s="15">
        <v>1266571</v>
      </c>
      <c r="BJ12" s="15">
        <v>1303518</v>
      </c>
      <c r="BK12" s="15">
        <v>2878497</v>
      </c>
      <c r="BL12" s="15">
        <v>3297086</v>
      </c>
      <c r="BM12" s="15">
        <v>5352514</v>
      </c>
      <c r="BN12" s="15">
        <v>0</v>
      </c>
      <c r="BO12" s="15">
        <v>11616281</v>
      </c>
      <c r="BP12" s="15">
        <v>8418419</v>
      </c>
      <c r="BQ12" s="15">
        <v>2688939</v>
      </c>
      <c r="BR12" s="15">
        <v>2018362</v>
      </c>
      <c r="BS12" s="15">
        <v>943990</v>
      </c>
      <c r="BT12" s="15">
        <v>79418</v>
      </c>
      <c r="BU12" s="15">
        <v>0</v>
      </c>
      <c r="BV12" s="15">
        <v>151598</v>
      </c>
      <c r="BW12" s="15">
        <v>0</v>
      </c>
      <c r="BX12" s="15">
        <v>0</v>
      </c>
      <c r="BY12" s="15">
        <v>151598</v>
      </c>
      <c r="BZ12" s="15">
        <v>0</v>
      </c>
      <c r="CA12" s="15">
        <v>0</v>
      </c>
      <c r="CB12" s="15">
        <v>1009273</v>
      </c>
      <c r="CC12" s="15">
        <v>1526839</v>
      </c>
      <c r="CD12" s="15">
        <v>3197862</v>
      </c>
      <c r="CE12" s="15">
        <v>0</v>
      </c>
      <c r="CF12" s="15">
        <v>0</v>
      </c>
      <c r="CG12" s="15">
        <v>0</v>
      </c>
      <c r="CH12" s="15">
        <v>3197862</v>
      </c>
      <c r="CI12" s="15">
        <v>1518812</v>
      </c>
      <c r="CJ12" s="15">
        <v>199422</v>
      </c>
      <c r="CK12" s="15">
        <v>1319390</v>
      </c>
      <c r="CL12" s="15">
        <v>1313170</v>
      </c>
      <c r="CM12" s="15">
        <v>0</v>
      </c>
      <c r="CN12" s="15">
        <v>6220</v>
      </c>
      <c r="CO12" s="15">
        <v>468921</v>
      </c>
      <c r="CP12" s="15">
        <v>369767</v>
      </c>
      <c r="CQ12" s="15">
        <v>0</v>
      </c>
      <c r="CR12" s="15">
        <v>99154</v>
      </c>
      <c r="CS12" s="15">
        <v>5390431</v>
      </c>
      <c r="CT12" s="15">
        <v>7059124</v>
      </c>
      <c r="CU12" s="15">
        <v>6754389</v>
      </c>
      <c r="CV12" s="15">
        <v>304735</v>
      </c>
      <c r="CW12" s="15">
        <v>3450183</v>
      </c>
      <c r="CX12" s="15">
        <v>154099</v>
      </c>
      <c r="CY12" s="15">
        <v>41</v>
      </c>
      <c r="CZ12" s="15">
        <v>0</v>
      </c>
      <c r="DA12" s="15">
        <v>981167</v>
      </c>
      <c r="DB12" s="15">
        <v>0</v>
      </c>
      <c r="DC12" s="15">
        <v>0</v>
      </c>
      <c r="DD12" s="15">
        <v>0</v>
      </c>
      <c r="DE12" s="15">
        <v>0</v>
      </c>
      <c r="DF12" s="15">
        <v>2314876</v>
      </c>
      <c r="DG12" s="15">
        <v>0</v>
      </c>
      <c r="DH12" s="15">
        <v>0</v>
      </c>
      <c r="DI12" s="15">
        <v>2314876</v>
      </c>
      <c r="DJ12" s="15">
        <v>9796400</v>
      </c>
      <c r="DK12" s="15">
        <v>180540590</v>
      </c>
    </row>
    <row r="13" spans="1:115" s="13" customFormat="1" ht="17.25" customHeight="1">
      <c r="A13" s="6" t="s">
        <v>182</v>
      </c>
      <c r="B13" s="15">
        <v>32600581</v>
      </c>
      <c r="C13" s="15">
        <v>375486</v>
      </c>
      <c r="D13" s="15">
        <v>86230</v>
      </c>
      <c r="E13" s="15">
        <v>0</v>
      </c>
      <c r="F13" s="15">
        <v>0</v>
      </c>
      <c r="G13" s="15">
        <v>0</v>
      </c>
      <c r="H13" s="15">
        <v>258102</v>
      </c>
      <c r="I13" s="15">
        <v>0</v>
      </c>
      <c r="J13" s="15">
        <v>31154</v>
      </c>
      <c r="K13" s="15">
        <v>9629</v>
      </c>
      <c r="L13" s="15">
        <v>193445</v>
      </c>
      <c r="M13" s="15">
        <v>148076</v>
      </c>
      <c r="N13" s="15">
        <v>0</v>
      </c>
      <c r="O13" s="15">
        <v>4577418</v>
      </c>
      <c r="P13" s="15">
        <v>15162</v>
      </c>
      <c r="Q13" s="15">
        <v>763</v>
      </c>
      <c r="R13" s="15">
        <v>0</v>
      </c>
      <c r="S13" s="15">
        <v>80019</v>
      </c>
      <c r="T13" s="15">
        <v>492156</v>
      </c>
      <c r="U13" s="15">
        <v>200040</v>
      </c>
      <c r="V13" s="15">
        <v>2852208</v>
      </c>
      <c r="W13" s="15">
        <v>2588407</v>
      </c>
      <c r="X13" s="24">
        <v>263706</v>
      </c>
      <c r="Y13" s="15">
        <v>95</v>
      </c>
      <c r="Z13" s="15">
        <v>24860</v>
      </c>
      <c r="AA13" s="15">
        <v>2308937</v>
      </c>
      <c r="AB13" s="15">
        <v>1857609</v>
      </c>
      <c r="AC13" s="15">
        <v>451328</v>
      </c>
      <c r="AD13" s="15">
        <v>648828</v>
      </c>
      <c r="AE13" s="15">
        <v>332</v>
      </c>
      <c r="AF13" s="15">
        <v>0</v>
      </c>
      <c r="AG13" s="15">
        <v>332</v>
      </c>
      <c r="AH13" s="15">
        <v>0</v>
      </c>
      <c r="AI13" s="15">
        <v>29579</v>
      </c>
      <c r="AJ13" s="15">
        <v>231279</v>
      </c>
      <c r="AK13" s="15">
        <v>387638</v>
      </c>
      <c r="AL13" s="15">
        <v>759952</v>
      </c>
      <c r="AM13" s="15">
        <v>49008</v>
      </c>
      <c r="AN13" s="15">
        <v>710944</v>
      </c>
      <c r="AO13" s="15">
        <v>19340561</v>
      </c>
      <c r="AP13" s="15">
        <v>0</v>
      </c>
      <c r="AQ13" s="15">
        <v>4446055</v>
      </c>
      <c r="AR13" s="15">
        <v>2025433</v>
      </c>
      <c r="AS13" s="15">
        <v>2034963</v>
      </c>
      <c r="AT13" s="15">
        <v>1642268</v>
      </c>
      <c r="AU13" s="15">
        <v>0</v>
      </c>
      <c r="AV13" s="15">
        <v>221586</v>
      </c>
      <c r="AW13" s="15">
        <v>0</v>
      </c>
      <c r="AX13" s="15">
        <v>0</v>
      </c>
      <c r="AY13" s="15">
        <v>47859</v>
      </c>
      <c r="AZ13" s="15">
        <v>0</v>
      </c>
      <c r="BA13" s="15">
        <v>0</v>
      </c>
      <c r="BB13" s="15">
        <v>47859</v>
      </c>
      <c r="BC13" s="15">
        <v>0</v>
      </c>
      <c r="BD13" s="15">
        <v>490760</v>
      </c>
      <c r="BE13" s="15">
        <v>0</v>
      </c>
      <c r="BF13" s="15">
        <v>0</v>
      </c>
      <c r="BG13" s="15">
        <v>76584</v>
      </c>
      <c r="BH13" s="15">
        <v>1514077</v>
      </c>
      <c r="BI13" s="15">
        <v>352661</v>
      </c>
      <c r="BJ13" s="15">
        <v>1161416</v>
      </c>
      <c r="BK13" s="15">
        <v>1621370</v>
      </c>
      <c r="BL13" s="15">
        <v>3071420</v>
      </c>
      <c r="BM13" s="15">
        <v>2148186</v>
      </c>
      <c r="BN13" s="15">
        <v>0</v>
      </c>
      <c r="BO13" s="15">
        <v>5123466</v>
      </c>
      <c r="BP13" s="15">
        <v>3255709</v>
      </c>
      <c r="BQ13" s="15">
        <v>977449</v>
      </c>
      <c r="BR13" s="15">
        <v>1011174</v>
      </c>
      <c r="BS13" s="15">
        <v>361716</v>
      </c>
      <c r="BT13" s="15">
        <v>0</v>
      </c>
      <c r="BU13" s="15">
        <v>42574</v>
      </c>
      <c r="BV13" s="15">
        <v>84957</v>
      </c>
      <c r="BW13" s="15">
        <v>0</v>
      </c>
      <c r="BX13" s="15">
        <v>0</v>
      </c>
      <c r="BY13" s="15">
        <v>84957</v>
      </c>
      <c r="BZ13" s="15">
        <v>2917</v>
      </c>
      <c r="CA13" s="15">
        <v>0</v>
      </c>
      <c r="CB13" s="15">
        <v>969</v>
      </c>
      <c r="CC13" s="15">
        <v>773953</v>
      </c>
      <c r="CD13" s="15">
        <v>1867757</v>
      </c>
      <c r="CE13" s="15">
        <v>17704</v>
      </c>
      <c r="CF13" s="15">
        <v>0</v>
      </c>
      <c r="CG13" s="15">
        <v>748</v>
      </c>
      <c r="CH13" s="15">
        <v>1849305</v>
      </c>
      <c r="CI13" s="15">
        <v>299099</v>
      </c>
      <c r="CJ13" s="15">
        <v>284293</v>
      </c>
      <c r="CK13" s="15">
        <v>14806</v>
      </c>
      <c r="CL13" s="15">
        <v>13361</v>
      </c>
      <c r="CM13" s="15">
        <v>0</v>
      </c>
      <c r="CN13" s="15">
        <v>1445</v>
      </c>
      <c r="CO13" s="15">
        <v>1089783</v>
      </c>
      <c r="CP13" s="15">
        <v>1055993</v>
      </c>
      <c r="CQ13" s="15">
        <v>0</v>
      </c>
      <c r="CR13" s="15">
        <v>33790</v>
      </c>
      <c r="CS13" s="15">
        <v>2018192</v>
      </c>
      <c r="CT13" s="15">
        <v>4919028</v>
      </c>
      <c r="CU13" s="15">
        <v>4732247</v>
      </c>
      <c r="CV13" s="15">
        <v>186781</v>
      </c>
      <c r="CW13" s="15">
        <v>2223476</v>
      </c>
      <c r="CX13" s="15">
        <v>44852</v>
      </c>
      <c r="CY13" s="15">
        <v>0</v>
      </c>
      <c r="CZ13" s="15">
        <v>0</v>
      </c>
      <c r="DA13" s="15">
        <v>800933</v>
      </c>
      <c r="DB13" s="15">
        <v>14193</v>
      </c>
      <c r="DC13" s="15">
        <v>14193</v>
      </c>
      <c r="DD13" s="15">
        <v>0</v>
      </c>
      <c r="DE13" s="15">
        <v>100000</v>
      </c>
      <c r="DF13" s="15">
        <v>1263498</v>
      </c>
      <c r="DG13" s="15">
        <v>0</v>
      </c>
      <c r="DH13" s="15">
        <v>0</v>
      </c>
      <c r="DI13" s="15">
        <v>1263498</v>
      </c>
      <c r="DJ13" s="15">
        <v>4209137</v>
      </c>
      <c r="DK13" s="15">
        <v>84510302</v>
      </c>
    </row>
    <row r="14" spans="1:115" s="13" customFormat="1" ht="17.25" customHeight="1">
      <c r="A14" s="6" t="s">
        <v>209</v>
      </c>
      <c r="B14" s="15">
        <v>38237629</v>
      </c>
      <c r="C14" s="15">
        <v>392736</v>
      </c>
      <c r="D14" s="15">
        <v>91887</v>
      </c>
      <c r="E14" s="15">
        <v>0</v>
      </c>
      <c r="F14" s="15">
        <v>0</v>
      </c>
      <c r="G14" s="15">
        <v>0</v>
      </c>
      <c r="H14" s="15">
        <v>275033</v>
      </c>
      <c r="I14" s="15">
        <v>0</v>
      </c>
      <c r="J14" s="15">
        <v>25816</v>
      </c>
      <c r="K14" s="15">
        <v>14081</v>
      </c>
      <c r="L14" s="15">
        <v>283329</v>
      </c>
      <c r="M14" s="15">
        <v>217269</v>
      </c>
      <c r="N14" s="15">
        <v>0</v>
      </c>
      <c r="O14" s="15">
        <v>5194019</v>
      </c>
      <c r="P14" s="15">
        <v>51710</v>
      </c>
      <c r="Q14" s="15">
        <v>808</v>
      </c>
      <c r="R14" s="15">
        <v>0</v>
      </c>
      <c r="S14" s="15">
        <v>84795</v>
      </c>
      <c r="T14" s="15">
        <v>315104</v>
      </c>
      <c r="U14" s="15">
        <v>353266</v>
      </c>
      <c r="V14" s="15">
        <v>3533273</v>
      </c>
      <c r="W14" s="15">
        <v>3259420</v>
      </c>
      <c r="X14" s="24">
        <v>273853</v>
      </c>
      <c r="Y14" s="15">
        <v>0</v>
      </c>
      <c r="Z14" s="15">
        <v>23564</v>
      </c>
      <c r="AA14" s="15">
        <v>1399638</v>
      </c>
      <c r="AB14" s="15">
        <v>793748</v>
      </c>
      <c r="AC14" s="15">
        <v>605890</v>
      </c>
      <c r="AD14" s="15">
        <v>520258</v>
      </c>
      <c r="AE14" s="15">
        <v>10017</v>
      </c>
      <c r="AF14" s="15">
        <v>0</v>
      </c>
      <c r="AG14" s="15">
        <v>0</v>
      </c>
      <c r="AH14" s="15">
        <v>10017</v>
      </c>
      <c r="AI14" s="15">
        <v>110734</v>
      </c>
      <c r="AJ14" s="15">
        <v>122723</v>
      </c>
      <c r="AK14" s="15">
        <v>276784</v>
      </c>
      <c r="AL14" s="15">
        <v>1159487</v>
      </c>
      <c r="AM14" s="15">
        <v>25767</v>
      </c>
      <c r="AN14" s="15">
        <v>1133720</v>
      </c>
      <c r="AO14" s="15">
        <v>20575346</v>
      </c>
      <c r="AP14" s="15">
        <v>0</v>
      </c>
      <c r="AQ14" s="15">
        <v>2978123</v>
      </c>
      <c r="AR14" s="15">
        <v>3093746</v>
      </c>
      <c r="AS14" s="15">
        <v>1819002</v>
      </c>
      <c r="AT14" s="15">
        <v>2391334</v>
      </c>
      <c r="AU14" s="15">
        <v>0</v>
      </c>
      <c r="AV14" s="15">
        <v>10002</v>
      </c>
      <c r="AW14" s="15">
        <v>0</v>
      </c>
      <c r="AX14" s="15">
        <v>0</v>
      </c>
      <c r="AY14" s="15">
        <v>62103</v>
      </c>
      <c r="AZ14" s="15">
        <v>0</v>
      </c>
      <c r="BA14" s="15">
        <v>0</v>
      </c>
      <c r="BB14" s="15">
        <v>62103</v>
      </c>
      <c r="BC14" s="15">
        <v>0</v>
      </c>
      <c r="BD14" s="15">
        <v>295844</v>
      </c>
      <c r="BE14" s="15">
        <v>0</v>
      </c>
      <c r="BF14" s="15">
        <v>0</v>
      </c>
      <c r="BG14" s="15">
        <v>0</v>
      </c>
      <c r="BH14" s="15">
        <v>2009971</v>
      </c>
      <c r="BI14" s="15">
        <v>846162</v>
      </c>
      <c r="BJ14" s="15">
        <v>1163809</v>
      </c>
      <c r="BK14" s="15">
        <v>2831567</v>
      </c>
      <c r="BL14" s="15">
        <v>2637191</v>
      </c>
      <c r="BM14" s="15">
        <v>2446463</v>
      </c>
      <c r="BN14" s="15">
        <v>0</v>
      </c>
      <c r="BO14" s="15">
        <v>6493897</v>
      </c>
      <c r="BP14" s="15">
        <v>4334179</v>
      </c>
      <c r="BQ14" s="15">
        <v>1326857</v>
      </c>
      <c r="BR14" s="15">
        <v>899074</v>
      </c>
      <c r="BS14" s="15">
        <v>526493</v>
      </c>
      <c r="BT14" s="15">
        <v>221</v>
      </c>
      <c r="BU14" s="15">
        <v>0</v>
      </c>
      <c r="BV14" s="15">
        <v>101106</v>
      </c>
      <c r="BW14" s="15">
        <v>0</v>
      </c>
      <c r="BX14" s="15">
        <v>0</v>
      </c>
      <c r="BY14" s="15">
        <v>101106</v>
      </c>
      <c r="BZ14" s="15">
        <v>0</v>
      </c>
      <c r="CA14" s="15">
        <v>0</v>
      </c>
      <c r="CB14" s="15">
        <v>522752</v>
      </c>
      <c r="CC14" s="15">
        <v>957676</v>
      </c>
      <c r="CD14" s="15">
        <v>2159718</v>
      </c>
      <c r="CE14" s="15">
        <v>0</v>
      </c>
      <c r="CF14" s="15">
        <v>0</v>
      </c>
      <c r="CG14" s="15">
        <v>0</v>
      </c>
      <c r="CH14" s="15">
        <v>2159718</v>
      </c>
      <c r="CI14" s="15">
        <v>226535</v>
      </c>
      <c r="CJ14" s="15">
        <v>149967</v>
      </c>
      <c r="CK14" s="15">
        <v>76568</v>
      </c>
      <c r="CL14" s="15">
        <v>75130</v>
      </c>
      <c r="CM14" s="15">
        <v>0</v>
      </c>
      <c r="CN14" s="15">
        <v>1438</v>
      </c>
      <c r="CO14" s="15">
        <v>173195</v>
      </c>
      <c r="CP14" s="15">
        <v>140010</v>
      </c>
      <c r="CQ14" s="15">
        <v>15200</v>
      </c>
      <c r="CR14" s="15">
        <v>17985</v>
      </c>
      <c r="CS14" s="15">
        <v>3593092</v>
      </c>
      <c r="CT14" s="15">
        <v>7748831</v>
      </c>
      <c r="CU14" s="15">
        <v>7149462</v>
      </c>
      <c r="CV14" s="15">
        <v>599369</v>
      </c>
      <c r="CW14" s="15">
        <v>2875537</v>
      </c>
      <c r="CX14" s="15">
        <v>46432</v>
      </c>
      <c r="CY14" s="15">
        <v>26</v>
      </c>
      <c r="CZ14" s="15">
        <v>0</v>
      </c>
      <c r="DA14" s="15">
        <v>1808947</v>
      </c>
      <c r="DB14" s="15">
        <v>118478</v>
      </c>
      <c r="DC14" s="15">
        <v>118478</v>
      </c>
      <c r="DD14" s="15">
        <v>0</v>
      </c>
      <c r="DE14" s="15">
        <v>0</v>
      </c>
      <c r="DF14" s="15">
        <v>901654</v>
      </c>
      <c r="DG14" s="15">
        <v>0</v>
      </c>
      <c r="DH14" s="15">
        <v>0</v>
      </c>
      <c r="DI14" s="15">
        <v>901654</v>
      </c>
      <c r="DJ14" s="15">
        <v>2941605</v>
      </c>
      <c r="DK14" s="15">
        <v>96409004</v>
      </c>
    </row>
    <row r="15" spans="1:115" s="13" customFormat="1" ht="17.25" customHeight="1">
      <c r="A15" s="6" t="s">
        <v>210</v>
      </c>
      <c r="B15" s="15">
        <v>9728101</v>
      </c>
      <c r="C15" s="15">
        <v>100829</v>
      </c>
      <c r="D15" s="15">
        <v>23583</v>
      </c>
      <c r="E15" s="15">
        <v>0</v>
      </c>
      <c r="F15" s="15">
        <v>0</v>
      </c>
      <c r="G15" s="15">
        <v>0</v>
      </c>
      <c r="H15" s="15">
        <v>70588</v>
      </c>
      <c r="I15" s="15">
        <v>0</v>
      </c>
      <c r="J15" s="15">
        <v>6658</v>
      </c>
      <c r="K15" s="15">
        <v>4215</v>
      </c>
      <c r="L15" s="15">
        <v>84920</v>
      </c>
      <c r="M15" s="15">
        <v>65196</v>
      </c>
      <c r="N15" s="15">
        <v>0</v>
      </c>
      <c r="O15" s="15">
        <v>1227173</v>
      </c>
      <c r="P15" s="15">
        <v>0</v>
      </c>
      <c r="Q15" s="15">
        <v>208</v>
      </c>
      <c r="R15" s="15">
        <v>0</v>
      </c>
      <c r="S15" s="15">
        <v>21809</v>
      </c>
      <c r="T15" s="15">
        <v>70291</v>
      </c>
      <c r="U15" s="15">
        <v>55733</v>
      </c>
      <c r="V15" s="15">
        <v>2178148</v>
      </c>
      <c r="W15" s="15">
        <v>2094245</v>
      </c>
      <c r="X15" s="24">
        <v>83823</v>
      </c>
      <c r="Y15" s="15">
        <v>80</v>
      </c>
      <c r="Z15" s="15">
        <v>7104</v>
      </c>
      <c r="AA15" s="15">
        <v>384393</v>
      </c>
      <c r="AB15" s="15">
        <v>274620</v>
      </c>
      <c r="AC15" s="15">
        <v>109773</v>
      </c>
      <c r="AD15" s="15">
        <v>138899</v>
      </c>
      <c r="AE15" s="15">
        <v>0</v>
      </c>
      <c r="AF15" s="15">
        <v>0</v>
      </c>
      <c r="AG15" s="15">
        <v>0</v>
      </c>
      <c r="AH15" s="15">
        <v>0</v>
      </c>
      <c r="AI15" s="15">
        <v>18113</v>
      </c>
      <c r="AJ15" s="15">
        <v>35624</v>
      </c>
      <c r="AK15" s="15">
        <v>85162</v>
      </c>
      <c r="AL15" s="15">
        <v>222361</v>
      </c>
      <c r="AM15" s="15">
        <v>8790</v>
      </c>
      <c r="AN15" s="15">
        <v>213571</v>
      </c>
      <c r="AO15" s="15">
        <v>4730878</v>
      </c>
      <c r="AP15" s="15">
        <v>0</v>
      </c>
      <c r="AQ15" s="15">
        <v>630042</v>
      </c>
      <c r="AR15" s="15">
        <v>599702</v>
      </c>
      <c r="AS15" s="15">
        <v>488449</v>
      </c>
      <c r="AT15" s="15">
        <v>479175</v>
      </c>
      <c r="AU15" s="15">
        <v>0</v>
      </c>
      <c r="AV15" s="15">
        <v>177135</v>
      </c>
      <c r="AW15" s="15">
        <v>0</v>
      </c>
      <c r="AX15" s="15">
        <v>0</v>
      </c>
      <c r="AY15" s="15">
        <v>17657</v>
      </c>
      <c r="AZ15" s="15">
        <v>0</v>
      </c>
      <c r="BA15" s="15">
        <v>0</v>
      </c>
      <c r="BB15" s="15">
        <v>17657</v>
      </c>
      <c r="BC15" s="15">
        <v>0</v>
      </c>
      <c r="BD15" s="15">
        <v>20405</v>
      </c>
      <c r="BE15" s="15">
        <v>77357</v>
      </c>
      <c r="BF15" s="15">
        <v>0</v>
      </c>
      <c r="BG15" s="15">
        <v>6166</v>
      </c>
      <c r="BH15" s="15">
        <v>445145</v>
      </c>
      <c r="BI15" s="15">
        <v>207111</v>
      </c>
      <c r="BJ15" s="15">
        <v>238034</v>
      </c>
      <c r="BK15" s="15">
        <v>472300</v>
      </c>
      <c r="BL15" s="15">
        <v>662482</v>
      </c>
      <c r="BM15" s="15">
        <v>654863</v>
      </c>
      <c r="BN15" s="15">
        <v>288521</v>
      </c>
      <c r="BO15" s="15">
        <v>1380272</v>
      </c>
      <c r="BP15" s="15">
        <v>886426</v>
      </c>
      <c r="BQ15" s="15">
        <v>252440</v>
      </c>
      <c r="BR15" s="15">
        <v>238960</v>
      </c>
      <c r="BS15" s="15">
        <v>106760</v>
      </c>
      <c r="BT15" s="15">
        <v>0</v>
      </c>
      <c r="BU15" s="15">
        <v>0</v>
      </c>
      <c r="BV15" s="15">
        <v>22564</v>
      </c>
      <c r="BW15" s="15">
        <v>0</v>
      </c>
      <c r="BX15" s="15">
        <v>0</v>
      </c>
      <c r="BY15" s="15">
        <v>22564</v>
      </c>
      <c r="BZ15" s="15">
        <v>0</v>
      </c>
      <c r="CA15" s="15">
        <v>0</v>
      </c>
      <c r="CB15" s="15">
        <v>0</v>
      </c>
      <c r="CC15" s="15">
        <v>265702</v>
      </c>
      <c r="CD15" s="15">
        <v>493846</v>
      </c>
      <c r="CE15" s="15">
        <v>0</v>
      </c>
      <c r="CF15" s="15">
        <v>0</v>
      </c>
      <c r="CG15" s="15">
        <v>0</v>
      </c>
      <c r="CH15" s="15">
        <v>493846</v>
      </c>
      <c r="CI15" s="15">
        <v>43009</v>
      </c>
      <c r="CJ15" s="15">
        <v>33024</v>
      </c>
      <c r="CK15" s="15">
        <v>9985</v>
      </c>
      <c r="CL15" s="15">
        <v>9809</v>
      </c>
      <c r="CM15" s="15">
        <v>0</v>
      </c>
      <c r="CN15" s="15">
        <v>176</v>
      </c>
      <c r="CO15" s="15">
        <v>234666</v>
      </c>
      <c r="CP15" s="15">
        <v>229582</v>
      </c>
      <c r="CQ15" s="15">
        <v>1700</v>
      </c>
      <c r="CR15" s="15">
        <v>3384</v>
      </c>
      <c r="CS15" s="15">
        <v>858243</v>
      </c>
      <c r="CT15" s="15">
        <v>2328510</v>
      </c>
      <c r="CU15" s="15">
        <v>2323916</v>
      </c>
      <c r="CV15" s="15">
        <v>4594</v>
      </c>
      <c r="CW15" s="15">
        <v>173861</v>
      </c>
      <c r="CX15" s="15">
        <v>9776</v>
      </c>
      <c r="CY15" s="15">
        <v>10</v>
      </c>
      <c r="CZ15" s="15">
        <v>0</v>
      </c>
      <c r="DA15" s="15">
        <v>20000</v>
      </c>
      <c r="DB15" s="15">
        <v>0</v>
      </c>
      <c r="DC15" s="15">
        <v>0</v>
      </c>
      <c r="DD15" s="15">
        <v>0</v>
      </c>
      <c r="DE15" s="15">
        <v>0</v>
      </c>
      <c r="DF15" s="15">
        <v>144075</v>
      </c>
      <c r="DG15" s="15">
        <v>0</v>
      </c>
      <c r="DH15" s="15">
        <v>0</v>
      </c>
      <c r="DI15" s="15">
        <v>144075</v>
      </c>
      <c r="DJ15" s="15">
        <v>993421</v>
      </c>
      <c r="DK15" s="15">
        <v>25320761</v>
      </c>
    </row>
    <row r="16" spans="1:115" s="13" customFormat="1" ht="17.25" customHeight="1">
      <c r="A16" s="6" t="s">
        <v>211</v>
      </c>
      <c r="B16" s="15">
        <v>5474778</v>
      </c>
      <c r="C16" s="15">
        <v>113089</v>
      </c>
      <c r="D16" s="15">
        <v>27211</v>
      </c>
      <c r="E16" s="15">
        <v>0</v>
      </c>
      <c r="F16" s="15">
        <v>0</v>
      </c>
      <c r="G16" s="15">
        <v>0</v>
      </c>
      <c r="H16" s="15">
        <v>81450</v>
      </c>
      <c r="I16" s="15">
        <v>0</v>
      </c>
      <c r="J16" s="15">
        <v>4428</v>
      </c>
      <c r="K16" s="15">
        <v>1852</v>
      </c>
      <c r="L16" s="15">
        <v>37035</v>
      </c>
      <c r="M16" s="15">
        <v>28201</v>
      </c>
      <c r="N16" s="15">
        <v>0</v>
      </c>
      <c r="O16" s="15">
        <v>951129</v>
      </c>
      <c r="P16" s="15">
        <v>0</v>
      </c>
      <c r="Q16" s="15">
        <v>239</v>
      </c>
      <c r="R16" s="15">
        <v>0</v>
      </c>
      <c r="S16" s="15">
        <v>25086</v>
      </c>
      <c r="T16" s="15">
        <v>65746</v>
      </c>
      <c r="U16" s="15">
        <v>27432</v>
      </c>
      <c r="V16" s="15">
        <v>5091503</v>
      </c>
      <c r="W16" s="15">
        <v>4119317</v>
      </c>
      <c r="X16" s="24">
        <v>972186</v>
      </c>
      <c r="Y16" s="15">
        <v>0</v>
      </c>
      <c r="Z16" s="15">
        <v>5460</v>
      </c>
      <c r="AA16" s="15">
        <v>42867</v>
      </c>
      <c r="AB16" s="15">
        <v>30638</v>
      </c>
      <c r="AC16" s="15">
        <v>12229</v>
      </c>
      <c r="AD16" s="15">
        <v>46016</v>
      </c>
      <c r="AE16" s="15">
        <v>0</v>
      </c>
      <c r="AF16" s="15">
        <v>0</v>
      </c>
      <c r="AG16" s="15">
        <v>0</v>
      </c>
      <c r="AH16" s="15">
        <v>0</v>
      </c>
      <c r="AI16" s="15">
        <v>0</v>
      </c>
      <c r="AJ16" s="15">
        <v>992</v>
      </c>
      <c r="AK16" s="15">
        <v>45024</v>
      </c>
      <c r="AL16" s="15">
        <v>101035</v>
      </c>
      <c r="AM16" s="15">
        <v>6808</v>
      </c>
      <c r="AN16" s="15">
        <v>94227</v>
      </c>
      <c r="AO16" s="15">
        <v>3718904</v>
      </c>
      <c r="AP16" s="15">
        <v>0</v>
      </c>
      <c r="AQ16" s="15">
        <v>1005432</v>
      </c>
      <c r="AR16" s="15">
        <v>230752</v>
      </c>
      <c r="AS16" s="15">
        <v>423788</v>
      </c>
      <c r="AT16" s="15">
        <v>279564</v>
      </c>
      <c r="AU16" s="15">
        <v>0</v>
      </c>
      <c r="AV16" s="15">
        <v>0</v>
      </c>
      <c r="AW16" s="15">
        <v>0</v>
      </c>
      <c r="AX16" s="15">
        <v>0</v>
      </c>
      <c r="AY16" s="15">
        <v>17957</v>
      </c>
      <c r="AZ16" s="15">
        <v>0</v>
      </c>
      <c r="BA16" s="15">
        <v>0</v>
      </c>
      <c r="BB16" s="15">
        <v>17957</v>
      </c>
      <c r="BC16" s="15">
        <v>0</v>
      </c>
      <c r="BD16" s="15">
        <v>141730</v>
      </c>
      <c r="BE16" s="15">
        <v>0</v>
      </c>
      <c r="BF16" s="15">
        <v>0</v>
      </c>
      <c r="BG16" s="15">
        <v>18832</v>
      </c>
      <c r="BH16" s="15">
        <v>417617</v>
      </c>
      <c r="BI16" s="15">
        <v>219193</v>
      </c>
      <c r="BJ16" s="15">
        <v>198424</v>
      </c>
      <c r="BK16" s="15">
        <v>413214</v>
      </c>
      <c r="BL16" s="15">
        <v>388854</v>
      </c>
      <c r="BM16" s="15">
        <v>381164</v>
      </c>
      <c r="BN16" s="15">
        <v>0</v>
      </c>
      <c r="BO16" s="15">
        <v>1041663</v>
      </c>
      <c r="BP16" s="15">
        <v>604317</v>
      </c>
      <c r="BQ16" s="15">
        <v>110972</v>
      </c>
      <c r="BR16" s="15">
        <v>211280</v>
      </c>
      <c r="BS16" s="15">
        <v>63778</v>
      </c>
      <c r="BT16" s="15">
        <v>5273</v>
      </c>
      <c r="BU16" s="15">
        <v>0</v>
      </c>
      <c r="BV16" s="15">
        <v>32357</v>
      </c>
      <c r="BW16" s="15">
        <v>0</v>
      </c>
      <c r="BX16" s="15">
        <v>0</v>
      </c>
      <c r="BY16" s="15">
        <v>32357</v>
      </c>
      <c r="BZ16" s="15">
        <v>0</v>
      </c>
      <c r="CA16" s="15">
        <v>0</v>
      </c>
      <c r="CB16" s="15">
        <v>0</v>
      </c>
      <c r="CC16" s="15">
        <v>180657</v>
      </c>
      <c r="CD16" s="15">
        <v>437346</v>
      </c>
      <c r="CE16" s="15">
        <v>0</v>
      </c>
      <c r="CF16" s="15">
        <v>0</v>
      </c>
      <c r="CG16" s="15">
        <v>0</v>
      </c>
      <c r="CH16" s="15">
        <v>437346</v>
      </c>
      <c r="CI16" s="15">
        <v>84995</v>
      </c>
      <c r="CJ16" s="15">
        <v>55292</v>
      </c>
      <c r="CK16" s="15">
        <v>29703</v>
      </c>
      <c r="CL16" s="15">
        <v>29472</v>
      </c>
      <c r="CM16" s="15">
        <v>0</v>
      </c>
      <c r="CN16" s="15">
        <v>231</v>
      </c>
      <c r="CO16" s="15">
        <v>1204421</v>
      </c>
      <c r="CP16" s="15">
        <v>1040169</v>
      </c>
      <c r="CQ16" s="15">
        <v>161500</v>
      </c>
      <c r="CR16" s="15">
        <v>2752</v>
      </c>
      <c r="CS16" s="15">
        <v>775003</v>
      </c>
      <c r="CT16" s="15">
        <v>549848</v>
      </c>
      <c r="CU16" s="15">
        <v>448302</v>
      </c>
      <c r="CV16" s="15">
        <v>101546</v>
      </c>
      <c r="CW16" s="15">
        <v>172836</v>
      </c>
      <c r="CX16" s="15">
        <v>25749</v>
      </c>
      <c r="CY16" s="15">
        <v>30</v>
      </c>
      <c r="CZ16" s="15">
        <v>0</v>
      </c>
      <c r="DA16" s="15">
        <v>12850</v>
      </c>
      <c r="DB16" s="15">
        <v>0</v>
      </c>
      <c r="DC16" s="15">
        <v>0</v>
      </c>
      <c r="DD16" s="15">
        <v>0</v>
      </c>
      <c r="DE16" s="15">
        <v>0</v>
      </c>
      <c r="DF16" s="15">
        <v>134207</v>
      </c>
      <c r="DG16" s="15">
        <v>0</v>
      </c>
      <c r="DH16" s="15">
        <v>0</v>
      </c>
      <c r="DI16" s="15">
        <v>134207</v>
      </c>
      <c r="DJ16" s="15">
        <v>415893</v>
      </c>
      <c r="DK16" s="15">
        <v>19975031</v>
      </c>
    </row>
    <row r="17" spans="1:115" s="13" customFormat="1" ht="17.25" customHeight="1">
      <c r="A17" s="6" t="s">
        <v>212</v>
      </c>
      <c r="B17" s="15">
        <v>22599345</v>
      </c>
      <c r="C17" s="15">
        <v>361859</v>
      </c>
      <c r="D17" s="15">
        <v>82950</v>
      </c>
      <c r="E17" s="15">
        <v>0</v>
      </c>
      <c r="F17" s="15">
        <v>0</v>
      </c>
      <c r="G17" s="15">
        <v>0</v>
      </c>
      <c r="H17" s="15">
        <v>248285</v>
      </c>
      <c r="I17" s="15">
        <v>0</v>
      </c>
      <c r="J17" s="15">
        <v>30624</v>
      </c>
      <c r="K17" s="15">
        <v>7632</v>
      </c>
      <c r="L17" s="15">
        <v>153030</v>
      </c>
      <c r="M17" s="15">
        <v>116921</v>
      </c>
      <c r="N17" s="15">
        <v>0</v>
      </c>
      <c r="O17" s="15">
        <v>3661906</v>
      </c>
      <c r="P17" s="15">
        <v>88052</v>
      </c>
      <c r="Q17" s="15">
        <v>733</v>
      </c>
      <c r="R17" s="15">
        <v>0</v>
      </c>
      <c r="S17" s="15">
        <v>76862</v>
      </c>
      <c r="T17" s="15">
        <v>279217</v>
      </c>
      <c r="U17" s="15">
        <v>164391</v>
      </c>
      <c r="V17" s="15">
        <v>5313498</v>
      </c>
      <c r="W17" s="15">
        <v>5171364</v>
      </c>
      <c r="X17" s="24">
        <v>142126</v>
      </c>
      <c r="Y17" s="15">
        <v>8</v>
      </c>
      <c r="Z17" s="15">
        <v>18737</v>
      </c>
      <c r="AA17" s="15">
        <v>269228</v>
      </c>
      <c r="AB17" s="15">
        <v>8769</v>
      </c>
      <c r="AC17" s="15">
        <v>260459</v>
      </c>
      <c r="AD17" s="15">
        <v>353694</v>
      </c>
      <c r="AE17" s="15">
        <v>0</v>
      </c>
      <c r="AF17" s="15">
        <v>0</v>
      </c>
      <c r="AG17" s="15">
        <v>0</v>
      </c>
      <c r="AH17" s="15">
        <v>0</v>
      </c>
      <c r="AI17" s="15">
        <v>54559</v>
      </c>
      <c r="AJ17" s="15">
        <v>36770</v>
      </c>
      <c r="AK17" s="15">
        <v>262365</v>
      </c>
      <c r="AL17" s="15">
        <v>149863</v>
      </c>
      <c r="AM17" s="15">
        <v>17504</v>
      </c>
      <c r="AN17" s="15">
        <v>132359</v>
      </c>
      <c r="AO17" s="15">
        <v>13107964</v>
      </c>
      <c r="AP17" s="15">
        <v>0</v>
      </c>
      <c r="AQ17" s="15">
        <v>2542183</v>
      </c>
      <c r="AR17" s="15">
        <v>1661515</v>
      </c>
      <c r="AS17" s="15">
        <v>1832385</v>
      </c>
      <c r="AT17" s="15">
        <v>1431798</v>
      </c>
      <c r="AU17" s="15">
        <v>0</v>
      </c>
      <c r="AV17" s="15">
        <v>140609</v>
      </c>
      <c r="AW17" s="15">
        <v>0</v>
      </c>
      <c r="AX17" s="15">
        <v>0</v>
      </c>
      <c r="AY17" s="15">
        <v>47767</v>
      </c>
      <c r="AZ17" s="15">
        <v>0</v>
      </c>
      <c r="BA17" s="15">
        <v>0</v>
      </c>
      <c r="BB17" s="15">
        <v>47767</v>
      </c>
      <c r="BC17" s="15">
        <v>0</v>
      </c>
      <c r="BD17" s="15">
        <v>249845</v>
      </c>
      <c r="BE17" s="15">
        <v>0</v>
      </c>
      <c r="BF17" s="15">
        <v>0</v>
      </c>
      <c r="BG17" s="15">
        <v>14885</v>
      </c>
      <c r="BH17" s="15">
        <v>961580</v>
      </c>
      <c r="BI17" s="15">
        <v>640612</v>
      </c>
      <c r="BJ17" s="15">
        <v>320968</v>
      </c>
      <c r="BK17" s="15">
        <v>1294431</v>
      </c>
      <c r="BL17" s="15">
        <v>1776589</v>
      </c>
      <c r="BM17" s="15">
        <v>1154377</v>
      </c>
      <c r="BN17" s="15">
        <v>0</v>
      </c>
      <c r="BO17" s="15">
        <v>4085888</v>
      </c>
      <c r="BP17" s="15">
        <v>2517171</v>
      </c>
      <c r="BQ17" s="15">
        <v>723011</v>
      </c>
      <c r="BR17" s="15">
        <v>914578</v>
      </c>
      <c r="BS17" s="15">
        <v>318781</v>
      </c>
      <c r="BT17" s="15">
        <v>481</v>
      </c>
      <c r="BU17" s="15">
        <v>0</v>
      </c>
      <c r="BV17" s="15">
        <v>59837</v>
      </c>
      <c r="BW17" s="15">
        <v>0</v>
      </c>
      <c r="BX17" s="15">
        <v>0</v>
      </c>
      <c r="BY17" s="15">
        <v>59837</v>
      </c>
      <c r="BZ17" s="15">
        <v>0</v>
      </c>
      <c r="CA17" s="15">
        <v>0</v>
      </c>
      <c r="CB17" s="15">
        <v>1566</v>
      </c>
      <c r="CC17" s="15">
        <v>498917</v>
      </c>
      <c r="CD17" s="15">
        <v>1568717</v>
      </c>
      <c r="CE17" s="15">
        <v>0</v>
      </c>
      <c r="CF17" s="15">
        <v>0</v>
      </c>
      <c r="CG17" s="15">
        <v>0</v>
      </c>
      <c r="CH17" s="15">
        <v>1568717</v>
      </c>
      <c r="CI17" s="15">
        <v>139207</v>
      </c>
      <c r="CJ17" s="15">
        <v>42981</v>
      </c>
      <c r="CK17" s="15">
        <v>96226</v>
      </c>
      <c r="CL17" s="15">
        <v>92178</v>
      </c>
      <c r="CM17" s="15">
        <v>0</v>
      </c>
      <c r="CN17" s="15">
        <v>4048</v>
      </c>
      <c r="CO17" s="15">
        <v>423868</v>
      </c>
      <c r="CP17" s="15">
        <v>393413</v>
      </c>
      <c r="CQ17" s="15">
        <v>11211</v>
      </c>
      <c r="CR17" s="15">
        <v>19244</v>
      </c>
      <c r="CS17" s="15">
        <v>1156168</v>
      </c>
      <c r="CT17" s="15">
        <v>2368545</v>
      </c>
      <c r="CU17" s="15">
        <v>1942196</v>
      </c>
      <c r="CV17" s="15">
        <v>426349</v>
      </c>
      <c r="CW17" s="15">
        <v>1503558</v>
      </c>
      <c r="CX17" s="15">
        <v>37869</v>
      </c>
      <c r="CY17" s="15">
        <v>0</v>
      </c>
      <c r="CZ17" s="15">
        <v>0</v>
      </c>
      <c r="DA17" s="15">
        <v>311721</v>
      </c>
      <c r="DB17" s="15">
        <v>63575</v>
      </c>
      <c r="DC17" s="15">
        <v>63515</v>
      </c>
      <c r="DD17" s="15">
        <v>60</v>
      </c>
      <c r="DE17" s="15">
        <v>0</v>
      </c>
      <c r="DF17" s="15">
        <v>1090393</v>
      </c>
      <c r="DG17" s="15">
        <v>0</v>
      </c>
      <c r="DH17" s="15">
        <v>0</v>
      </c>
      <c r="DI17" s="15">
        <v>1090393</v>
      </c>
      <c r="DJ17" s="15">
        <v>1528100</v>
      </c>
      <c r="DK17" s="15">
        <v>57928266</v>
      </c>
    </row>
    <row r="18" spans="1:115" s="13" customFormat="1" ht="17.25" customHeight="1">
      <c r="A18" s="6" t="s">
        <v>213</v>
      </c>
      <c r="B18" s="15">
        <v>46733501</v>
      </c>
      <c r="C18" s="15">
        <v>527799</v>
      </c>
      <c r="D18" s="15">
        <v>124763</v>
      </c>
      <c r="E18" s="15">
        <v>0</v>
      </c>
      <c r="F18" s="15">
        <v>0</v>
      </c>
      <c r="G18" s="15">
        <v>0</v>
      </c>
      <c r="H18" s="15">
        <v>373488</v>
      </c>
      <c r="I18" s="15">
        <v>0</v>
      </c>
      <c r="J18" s="15">
        <v>29548</v>
      </c>
      <c r="K18" s="15">
        <v>12453</v>
      </c>
      <c r="L18" s="15">
        <v>250483</v>
      </c>
      <c r="M18" s="15">
        <v>192015</v>
      </c>
      <c r="N18" s="15">
        <v>0</v>
      </c>
      <c r="O18" s="15">
        <v>5997953</v>
      </c>
      <c r="P18" s="15">
        <v>150168</v>
      </c>
      <c r="Q18" s="15">
        <v>1108</v>
      </c>
      <c r="R18" s="15">
        <v>0</v>
      </c>
      <c r="S18" s="15">
        <v>115735</v>
      </c>
      <c r="T18" s="15">
        <v>1136618</v>
      </c>
      <c r="U18" s="15">
        <v>239429</v>
      </c>
      <c r="V18" s="15">
        <v>35304</v>
      </c>
      <c r="W18" s="15">
        <v>0</v>
      </c>
      <c r="X18" s="24">
        <v>35304</v>
      </c>
      <c r="Y18" s="15">
        <v>0</v>
      </c>
      <c r="Z18" s="15">
        <v>34485</v>
      </c>
      <c r="AA18" s="15">
        <v>874986</v>
      </c>
      <c r="AB18" s="15">
        <v>497042</v>
      </c>
      <c r="AC18" s="15">
        <v>377944</v>
      </c>
      <c r="AD18" s="15">
        <v>664364</v>
      </c>
      <c r="AE18" s="15">
        <v>0</v>
      </c>
      <c r="AF18" s="15">
        <v>0</v>
      </c>
      <c r="AG18" s="15">
        <v>0</v>
      </c>
      <c r="AH18" s="15">
        <v>0</v>
      </c>
      <c r="AI18" s="15">
        <v>37453</v>
      </c>
      <c r="AJ18" s="15">
        <v>157829</v>
      </c>
      <c r="AK18" s="15">
        <v>469082</v>
      </c>
      <c r="AL18" s="15">
        <v>585241</v>
      </c>
      <c r="AM18" s="15">
        <v>22608</v>
      </c>
      <c r="AN18" s="15">
        <v>562633</v>
      </c>
      <c r="AO18" s="15">
        <v>19393620</v>
      </c>
      <c r="AP18" s="15">
        <v>0</v>
      </c>
      <c r="AQ18" s="15">
        <v>4553088</v>
      </c>
      <c r="AR18" s="15">
        <v>3447724</v>
      </c>
      <c r="AS18" s="15">
        <v>2107262</v>
      </c>
      <c r="AT18" s="15">
        <v>2143394</v>
      </c>
      <c r="AU18" s="15">
        <v>0</v>
      </c>
      <c r="AV18" s="15">
        <v>543272</v>
      </c>
      <c r="AW18" s="15">
        <v>0</v>
      </c>
      <c r="AX18" s="15">
        <v>0</v>
      </c>
      <c r="AY18" s="15">
        <v>59633</v>
      </c>
      <c r="AZ18" s="15">
        <v>0</v>
      </c>
      <c r="BA18" s="15">
        <v>0</v>
      </c>
      <c r="BB18" s="15">
        <v>59633</v>
      </c>
      <c r="BC18" s="15">
        <v>0</v>
      </c>
      <c r="BD18" s="15">
        <v>265602</v>
      </c>
      <c r="BE18" s="15">
        <v>0</v>
      </c>
      <c r="BF18" s="15">
        <v>0</v>
      </c>
      <c r="BG18" s="15">
        <v>0</v>
      </c>
      <c r="BH18" s="15">
        <v>744051</v>
      </c>
      <c r="BI18" s="15">
        <v>583021</v>
      </c>
      <c r="BJ18" s="15">
        <v>161030</v>
      </c>
      <c r="BK18" s="15">
        <v>1505277</v>
      </c>
      <c r="BL18" s="15">
        <v>2407113</v>
      </c>
      <c r="BM18" s="15">
        <v>1617204</v>
      </c>
      <c r="BN18" s="15">
        <v>0</v>
      </c>
      <c r="BO18" s="15">
        <v>5784066</v>
      </c>
      <c r="BP18" s="15">
        <v>3568239</v>
      </c>
      <c r="BQ18" s="15">
        <v>1509898</v>
      </c>
      <c r="BR18" s="15">
        <v>1014352</v>
      </c>
      <c r="BS18" s="15">
        <v>476416</v>
      </c>
      <c r="BT18" s="15">
        <v>0</v>
      </c>
      <c r="BU18" s="15">
        <v>0</v>
      </c>
      <c r="BV18" s="15">
        <v>76566</v>
      </c>
      <c r="BW18" s="15">
        <v>0</v>
      </c>
      <c r="BX18" s="15">
        <v>0</v>
      </c>
      <c r="BY18" s="15">
        <v>76566</v>
      </c>
      <c r="BZ18" s="15">
        <v>0</v>
      </c>
      <c r="CA18" s="15">
        <v>0</v>
      </c>
      <c r="CB18" s="15">
        <v>0</v>
      </c>
      <c r="CC18" s="15">
        <v>491007</v>
      </c>
      <c r="CD18" s="15">
        <v>2215827</v>
      </c>
      <c r="CE18" s="15">
        <v>42534</v>
      </c>
      <c r="CF18" s="15">
        <v>0</v>
      </c>
      <c r="CG18" s="15">
        <v>0</v>
      </c>
      <c r="CH18" s="15">
        <v>2173293</v>
      </c>
      <c r="CI18" s="15">
        <v>1252551</v>
      </c>
      <c r="CJ18" s="15">
        <v>216495</v>
      </c>
      <c r="CK18" s="15">
        <v>1036056</v>
      </c>
      <c r="CL18" s="15">
        <v>1035607</v>
      </c>
      <c r="CM18" s="15">
        <v>0</v>
      </c>
      <c r="CN18" s="15">
        <v>449</v>
      </c>
      <c r="CO18" s="15">
        <v>1445025</v>
      </c>
      <c r="CP18" s="15">
        <v>1438609</v>
      </c>
      <c r="CQ18" s="15">
        <v>0</v>
      </c>
      <c r="CR18" s="15">
        <v>6416</v>
      </c>
      <c r="CS18" s="15">
        <v>4031132</v>
      </c>
      <c r="CT18" s="15">
        <v>5877715</v>
      </c>
      <c r="CU18" s="15">
        <v>5564835</v>
      </c>
      <c r="CV18" s="15">
        <v>312880</v>
      </c>
      <c r="CW18" s="15">
        <v>3403653</v>
      </c>
      <c r="CX18" s="15">
        <v>60119</v>
      </c>
      <c r="CY18" s="15">
        <v>69</v>
      </c>
      <c r="CZ18" s="15">
        <v>33576</v>
      </c>
      <c r="DA18" s="15">
        <v>1847155</v>
      </c>
      <c r="DB18" s="15">
        <v>0</v>
      </c>
      <c r="DC18" s="15">
        <v>0</v>
      </c>
      <c r="DD18" s="15">
        <v>0</v>
      </c>
      <c r="DE18" s="15">
        <v>0</v>
      </c>
      <c r="DF18" s="15">
        <v>1462734</v>
      </c>
      <c r="DG18" s="15">
        <v>0</v>
      </c>
      <c r="DH18" s="15">
        <v>0</v>
      </c>
      <c r="DI18" s="15">
        <v>1462734</v>
      </c>
      <c r="DJ18" s="15">
        <v>8606200</v>
      </c>
      <c r="DK18" s="15">
        <v>107345604</v>
      </c>
    </row>
    <row r="19" spans="1:115" s="13" customFormat="1" ht="17.25" customHeight="1">
      <c r="A19" s="6" t="s">
        <v>214</v>
      </c>
      <c r="B19" s="15">
        <v>37803993</v>
      </c>
      <c r="C19" s="15">
        <v>407707</v>
      </c>
      <c r="D19" s="15">
        <v>95720</v>
      </c>
      <c r="E19" s="15">
        <v>0</v>
      </c>
      <c r="F19" s="15">
        <v>0</v>
      </c>
      <c r="G19" s="15">
        <v>0</v>
      </c>
      <c r="H19" s="15">
        <v>286505</v>
      </c>
      <c r="I19" s="15">
        <v>0</v>
      </c>
      <c r="J19" s="15">
        <v>25482</v>
      </c>
      <c r="K19" s="15">
        <v>13356</v>
      </c>
      <c r="L19" s="15">
        <v>269076</v>
      </c>
      <c r="M19" s="15">
        <v>206618</v>
      </c>
      <c r="N19" s="15">
        <v>0</v>
      </c>
      <c r="O19" s="15">
        <v>5406191</v>
      </c>
      <c r="P19" s="15">
        <v>11823</v>
      </c>
      <c r="Q19" s="15">
        <v>845</v>
      </c>
      <c r="R19" s="15">
        <v>0</v>
      </c>
      <c r="S19" s="15">
        <v>88612</v>
      </c>
      <c r="T19" s="15">
        <v>429970</v>
      </c>
      <c r="U19" s="15">
        <v>353346</v>
      </c>
      <c r="V19" s="15">
        <v>2674067</v>
      </c>
      <c r="W19" s="15">
        <v>2379427</v>
      </c>
      <c r="X19" s="24">
        <v>294640</v>
      </c>
      <c r="Y19" s="15">
        <v>0</v>
      </c>
      <c r="Z19" s="15">
        <v>31778</v>
      </c>
      <c r="AA19" s="15">
        <v>827952</v>
      </c>
      <c r="AB19" s="15">
        <v>53826</v>
      </c>
      <c r="AC19" s="15">
        <v>774126</v>
      </c>
      <c r="AD19" s="15">
        <v>592612</v>
      </c>
      <c r="AE19" s="15">
        <v>0</v>
      </c>
      <c r="AF19" s="15">
        <v>0</v>
      </c>
      <c r="AG19" s="15">
        <v>0</v>
      </c>
      <c r="AH19" s="15">
        <v>0</v>
      </c>
      <c r="AI19" s="15">
        <v>49134</v>
      </c>
      <c r="AJ19" s="15">
        <v>212321</v>
      </c>
      <c r="AK19" s="15">
        <v>331157</v>
      </c>
      <c r="AL19" s="15">
        <v>941088</v>
      </c>
      <c r="AM19" s="15">
        <v>23117</v>
      </c>
      <c r="AN19" s="15">
        <v>917971</v>
      </c>
      <c r="AO19" s="15">
        <v>23179948</v>
      </c>
      <c r="AP19" s="15">
        <v>0</v>
      </c>
      <c r="AQ19" s="15">
        <v>4929096</v>
      </c>
      <c r="AR19" s="15">
        <v>3690716</v>
      </c>
      <c r="AS19" s="15">
        <v>2391374</v>
      </c>
      <c r="AT19" s="15">
        <v>2441294</v>
      </c>
      <c r="AU19" s="15">
        <v>0</v>
      </c>
      <c r="AV19" s="15">
        <v>1123366</v>
      </c>
      <c r="AW19" s="15">
        <v>0</v>
      </c>
      <c r="AX19" s="15">
        <v>0</v>
      </c>
      <c r="AY19" s="15">
        <v>67857</v>
      </c>
      <c r="AZ19" s="15">
        <v>0</v>
      </c>
      <c r="BA19" s="15">
        <v>0</v>
      </c>
      <c r="BB19" s="15">
        <v>67857</v>
      </c>
      <c r="BC19" s="15">
        <v>0</v>
      </c>
      <c r="BD19" s="15">
        <v>45139</v>
      </c>
      <c r="BE19" s="15">
        <v>381976</v>
      </c>
      <c r="BF19" s="15">
        <v>0</v>
      </c>
      <c r="BG19" s="15">
        <v>0</v>
      </c>
      <c r="BH19" s="15">
        <v>1553955</v>
      </c>
      <c r="BI19" s="15">
        <v>804832</v>
      </c>
      <c r="BJ19" s="15">
        <v>749123</v>
      </c>
      <c r="BK19" s="15">
        <v>1946965</v>
      </c>
      <c r="BL19" s="15">
        <v>2027854</v>
      </c>
      <c r="BM19" s="15">
        <v>2580356</v>
      </c>
      <c r="BN19" s="15">
        <v>367533</v>
      </c>
      <c r="BO19" s="15">
        <v>6231227</v>
      </c>
      <c r="BP19" s="15">
        <v>4358191</v>
      </c>
      <c r="BQ19" s="15">
        <v>1564404</v>
      </c>
      <c r="BR19" s="15">
        <v>1153115</v>
      </c>
      <c r="BS19" s="15">
        <v>525350</v>
      </c>
      <c r="BT19" s="15">
        <v>0</v>
      </c>
      <c r="BU19" s="15">
        <v>0</v>
      </c>
      <c r="BV19" s="15">
        <v>83696</v>
      </c>
      <c r="BW19" s="15">
        <v>0</v>
      </c>
      <c r="BX19" s="15">
        <v>0</v>
      </c>
      <c r="BY19" s="15">
        <v>83696</v>
      </c>
      <c r="BZ19" s="15">
        <v>0</v>
      </c>
      <c r="CA19" s="15">
        <v>0</v>
      </c>
      <c r="CB19" s="15">
        <v>2486</v>
      </c>
      <c r="CC19" s="15">
        <v>1029140</v>
      </c>
      <c r="CD19" s="15">
        <v>1873036</v>
      </c>
      <c r="CE19" s="15">
        <v>0</v>
      </c>
      <c r="CF19" s="15">
        <v>0</v>
      </c>
      <c r="CG19" s="15">
        <v>6437</v>
      </c>
      <c r="CH19" s="15">
        <v>1866599</v>
      </c>
      <c r="CI19" s="15">
        <v>97760</v>
      </c>
      <c r="CJ19" s="15">
        <v>84012</v>
      </c>
      <c r="CK19" s="15">
        <v>13748</v>
      </c>
      <c r="CL19" s="15">
        <v>1734</v>
      </c>
      <c r="CM19" s="15">
        <v>0</v>
      </c>
      <c r="CN19" s="15">
        <v>12014</v>
      </c>
      <c r="CO19" s="15">
        <v>129428</v>
      </c>
      <c r="CP19" s="15">
        <v>126457</v>
      </c>
      <c r="CQ19" s="15">
        <v>1000</v>
      </c>
      <c r="CR19" s="15">
        <v>1971</v>
      </c>
      <c r="CS19" s="15">
        <v>1426484</v>
      </c>
      <c r="CT19" s="15">
        <v>2150775</v>
      </c>
      <c r="CU19" s="15">
        <v>2080601</v>
      </c>
      <c r="CV19" s="15">
        <v>70174</v>
      </c>
      <c r="CW19" s="15">
        <v>2362755</v>
      </c>
      <c r="CX19" s="15">
        <v>55088</v>
      </c>
      <c r="CY19" s="15">
        <v>28</v>
      </c>
      <c r="CZ19" s="15">
        <v>300</v>
      </c>
      <c r="DA19" s="15">
        <v>1195000</v>
      </c>
      <c r="DB19" s="15">
        <v>0</v>
      </c>
      <c r="DC19" s="15">
        <v>0</v>
      </c>
      <c r="DD19" s="15">
        <v>0</v>
      </c>
      <c r="DE19" s="15">
        <v>0</v>
      </c>
      <c r="DF19" s="15">
        <v>1112339</v>
      </c>
      <c r="DG19" s="15">
        <v>0</v>
      </c>
      <c r="DH19" s="15">
        <v>0</v>
      </c>
      <c r="DI19" s="15">
        <v>1112339</v>
      </c>
      <c r="DJ19" s="15">
        <v>5594700</v>
      </c>
      <c r="DK19" s="15">
        <v>91599644</v>
      </c>
    </row>
    <row r="20" spans="1:115" s="13" customFormat="1" ht="17.25" customHeight="1">
      <c r="A20" s="6" t="s">
        <v>183</v>
      </c>
      <c r="B20" s="15">
        <v>17118692</v>
      </c>
      <c r="C20" s="15">
        <v>225769</v>
      </c>
      <c r="D20" s="15">
        <v>52804</v>
      </c>
      <c r="E20" s="15">
        <v>0</v>
      </c>
      <c r="F20" s="15">
        <v>0</v>
      </c>
      <c r="G20" s="15">
        <v>0</v>
      </c>
      <c r="H20" s="15">
        <v>158053</v>
      </c>
      <c r="I20" s="15">
        <v>0</v>
      </c>
      <c r="J20" s="15">
        <v>14912</v>
      </c>
      <c r="K20" s="15">
        <v>5586</v>
      </c>
      <c r="L20" s="15">
        <v>112271</v>
      </c>
      <c r="M20" s="15">
        <v>85978</v>
      </c>
      <c r="N20" s="15">
        <v>0</v>
      </c>
      <c r="O20" s="15">
        <v>2414313</v>
      </c>
      <c r="P20" s="15">
        <v>21301</v>
      </c>
      <c r="Q20" s="15">
        <v>466</v>
      </c>
      <c r="R20" s="15">
        <v>0</v>
      </c>
      <c r="S20" s="15">
        <v>48913</v>
      </c>
      <c r="T20" s="15">
        <v>253864</v>
      </c>
      <c r="U20" s="15">
        <v>115035</v>
      </c>
      <c r="V20" s="15">
        <v>1512426</v>
      </c>
      <c r="W20" s="15">
        <v>1371431</v>
      </c>
      <c r="X20" s="24">
        <v>140995</v>
      </c>
      <c r="Y20" s="15">
        <v>0</v>
      </c>
      <c r="Z20" s="15">
        <v>13317</v>
      </c>
      <c r="AA20" s="15">
        <v>240044</v>
      </c>
      <c r="AB20" s="15">
        <v>41518</v>
      </c>
      <c r="AC20" s="15">
        <v>198526</v>
      </c>
      <c r="AD20" s="15">
        <v>261819</v>
      </c>
      <c r="AE20" s="15">
        <v>0</v>
      </c>
      <c r="AF20" s="15">
        <v>0</v>
      </c>
      <c r="AG20" s="15">
        <v>0</v>
      </c>
      <c r="AH20" s="15">
        <v>0</v>
      </c>
      <c r="AI20" s="15">
        <v>7745</v>
      </c>
      <c r="AJ20" s="15">
        <v>43909</v>
      </c>
      <c r="AK20" s="15">
        <v>210165</v>
      </c>
      <c r="AL20" s="15">
        <v>77584</v>
      </c>
      <c r="AM20" s="15">
        <v>11739</v>
      </c>
      <c r="AN20" s="15">
        <v>65845</v>
      </c>
      <c r="AO20" s="15">
        <v>8774229</v>
      </c>
      <c r="AP20" s="15">
        <v>0</v>
      </c>
      <c r="AQ20" s="15">
        <v>1651574</v>
      </c>
      <c r="AR20" s="15">
        <v>1362785</v>
      </c>
      <c r="AS20" s="15">
        <v>922280</v>
      </c>
      <c r="AT20" s="15">
        <v>938764</v>
      </c>
      <c r="AU20" s="15">
        <v>0</v>
      </c>
      <c r="AV20" s="15">
        <v>40845</v>
      </c>
      <c r="AW20" s="15">
        <v>7234</v>
      </c>
      <c r="AX20" s="15">
        <v>0</v>
      </c>
      <c r="AY20" s="15">
        <v>29319</v>
      </c>
      <c r="AZ20" s="15">
        <v>0</v>
      </c>
      <c r="BA20" s="15">
        <v>0</v>
      </c>
      <c r="BB20" s="15">
        <v>29319</v>
      </c>
      <c r="BC20" s="15">
        <v>0</v>
      </c>
      <c r="BD20" s="15">
        <v>317857</v>
      </c>
      <c r="BE20" s="15">
        <v>0</v>
      </c>
      <c r="BF20" s="15">
        <v>0</v>
      </c>
      <c r="BG20" s="15">
        <v>0</v>
      </c>
      <c r="BH20" s="15">
        <v>589779</v>
      </c>
      <c r="BI20" s="15">
        <v>306779</v>
      </c>
      <c r="BJ20" s="15">
        <v>283000</v>
      </c>
      <c r="BK20" s="15">
        <v>716262</v>
      </c>
      <c r="BL20" s="15">
        <v>1080188</v>
      </c>
      <c r="BM20" s="15">
        <v>1117342</v>
      </c>
      <c r="BN20" s="15">
        <v>0</v>
      </c>
      <c r="BO20" s="15">
        <v>2722049</v>
      </c>
      <c r="BP20" s="15">
        <v>1842123</v>
      </c>
      <c r="BQ20" s="15">
        <v>597951</v>
      </c>
      <c r="BR20" s="15">
        <v>492732</v>
      </c>
      <c r="BS20" s="15">
        <v>204268</v>
      </c>
      <c r="BT20" s="15">
        <v>421</v>
      </c>
      <c r="BU20" s="15">
        <v>0</v>
      </c>
      <c r="BV20" s="15">
        <v>44895</v>
      </c>
      <c r="BW20" s="15">
        <v>0</v>
      </c>
      <c r="BX20" s="15">
        <v>0</v>
      </c>
      <c r="BY20" s="15">
        <v>44895</v>
      </c>
      <c r="BZ20" s="15">
        <v>0</v>
      </c>
      <c r="CA20" s="15">
        <v>0</v>
      </c>
      <c r="CB20" s="15">
        <v>973</v>
      </c>
      <c r="CC20" s="15">
        <v>500883</v>
      </c>
      <c r="CD20" s="15">
        <v>879926</v>
      </c>
      <c r="CE20" s="15">
        <v>0</v>
      </c>
      <c r="CF20" s="15">
        <v>0</v>
      </c>
      <c r="CG20" s="15">
        <v>0</v>
      </c>
      <c r="CH20" s="15">
        <v>879926</v>
      </c>
      <c r="CI20" s="15">
        <v>11737</v>
      </c>
      <c r="CJ20" s="15">
        <v>9673</v>
      </c>
      <c r="CK20" s="15">
        <v>2064</v>
      </c>
      <c r="CL20" s="15">
        <v>1706</v>
      </c>
      <c r="CM20" s="15">
        <v>0</v>
      </c>
      <c r="CN20" s="15">
        <v>358</v>
      </c>
      <c r="CO20" s="15">
        <v>79740</v>
      </c>
      <c r="CP20" s="15">
        <v>54180</v>
      </c>
      <c r="CQ20" s="15">
        <v>8000</v>
      </c>
      <c r="CR20" s="15">
        <v>17560</v>
      </c>
      <c r="CS20" s="15">
        <v>205430</v>
      </c>
      <c r="CT20" s="15">
        <v>2491881</v>
      </c>
      <c r="CU20" s="15">
        <v>2440297</v>
      </c>
      <c r="CV20" s="15">
        <v>51584</v>
      </c>
      <c r="CW20" s="15">
        <v>637599</v>
      </c>
      <c r="CX20" s="15">
        <v>27146</v>
      </c>
      <c r="CY20" s="15">
        <v>42</v>
      </c>
      <c r="CZ20" s="15">
        <v>0</v>
      </c>
      <c r="DA20" s="15">
        <v>277694</v>
      </c>
      <c r="DB20" s="15">
        <v>0</v>
      </c>
      <c r="DC20" s="15">
        <v>0</v>
      </c>
      <c r="DD20" s="15">
        <v>0</v>
      </c>
      <c r="DE20" s="15">
        <v>0</v>
      </c>
      <c r="DF20" s="15">
        <v>332717</v>
      </c>
      <c r="DG20" s="15">
        <v>0</v>
      </c>
      <c r="DH20" s="15">
        <v>0</v>
      </c>
      <c r="DI20" s="15">
        <v>332717</v>
      </c>
      <c r="DJ20" s="15">
        <v>1113400</v>
      </c>
      <c r="DK20" s="15">
        <v>38543443</v>
      </c>
    </row>
    <row r="21" spans="1:115" s="13" customFormat="1" ht="17.25" customHeight="1">
      <c r="A21" s="6" t="s">
        <v>215</v>
      </c>
      <c r="B21" s="15">
        <v>24646937</v>
      </c>
      <c r="C21" s="15">
        <v>276639</v>
      </c>
      <c r="D21" s="15">
        <v>65699</v>
      </c>
      <c r="E21" s="15">
        <v>0</v>
      </c>
      <c r="F21" s="15">
        <v>0</v>
      </c>
      <c r="G21" s="15">
        <v>0</v>
      </c>
      <c r="H21" s="15">
        <v>196648</v>
      </c>
      <c r="I21" s="15">
        <v>0</v>
      </c>
      <c r="J21" s="15">
        <v>14292</v>
      </c>
      <c r="K21" s="15">
        <v>7543</v>
      </c>
      <c r="L21" s="15">
        <v>151675</v>
      </c>
      <c r="M21" s="15">
        <v>116211</v>
      </c>
      <c r="N21" s="15">
        <v>0</v>
      </c>
      <c r="O21" s="15">
        <v>3243566</v>
      </c>
      <c r="P21" s="15">
        <v>0</v>
      </c>
      <c r="Q21" s="15">
        <v>582</v>
      </c>
      <c r="R21" s="15">
        <v>0</v>
      </c>
      <c r="S21" s="15">
        <v>61041</v>
      </c>
      <c r="T21" s="15">
        <v>324766</v>
      </c>
      <c r="U21" s="15">
        <v>206624</v>
      </c>
      <c r="V21" s="15">
        <v>45569</v>
      </c>
      <c r="W21" s="15">
        <v>0</v>
      </c>
      <c r="X21" s="24">
        <v>45569</v>
      </c>
      <c r="Y21" s="15">
        <v>0</v>
      </c>
      <c r="Z21" s="15">
        <v>17913</v>
      </c>
      <c r="AA21" s="15">
        <v>438737</v>
      </c>
      <c r="AB21" s="15">
        <v>115643</v>
      </c>
      <c r="AC21" s="15">
        <v>323094</v>
      </c>
      <c r="AD21" s="15">
        <v>255945</v>
      </c>
      <c r="AE21" s="15">
        <v>0</v>
      </c>
      <c r="AF21" s="15">
        <v>0</v>
      </c>
      <c r="AG21" s="15">
        <v>0</v>
      </c>
      <c r="AH21" s="15">
        <v>0</v>
      </c>
      <c r="AI21" s="15">
        <v>76247</v>
      </c>
      <c r="AJ21" s="15">
        <v>42653</v>
      </c>
      <c r="AK21" s="15">
        <v>137045</v>
      </c>
      <c r="AL21" s="15">
        <v>318229</v>
      </c>
      <c r="AM21" s="15">
        <v>14533</v>
      </c>
      <c r="AN21" s="15">
        <v>303696</v>
      </c>
      <c r="AO21" s="15">
        <v>10907753</v>
      </c>
      <c r="AP21" s="15">
        <v>0</v>
      </c>
      <c r="AQ21" s="15">
        <v>1564690</v>
      </c>
      <c r="AR21" s="15">
        <v>1695477</v>
      </c>
      <c r="AS21" s="15">
        <v>1161722</v>
      </c>
      <c r="AT21" s="15">
        <v>1393709</v>
      </c>
      <c r="AU21" s="15">
        <v>0</v>
      </c>
      <c r="AV21" s="15">
        <v>234995</v>
      </c>
      <c r="AW21" s="15">
        <v>0</v>
      </c>
      <c r="AX21" s="15">
        <v>0</v>
      </c>
      <c r="AY21" s="15">
        <v>31196</v>
      </c>
      <c r="AZ21" s="15">
        <v>0</v>
      </c>
      <c r="BA21" s="15">
        <v>0</v>
      </c>
      <c r="BB21" s="15">
        <v>31196</v>
      </c>
      <c r="BC21" s="15">
        <v>0</v>
      </c>
      <c r="BD21" s="15">
        <v>1046758</v>
      </c>
      <c r="BE21" s="15">
        <v>0</v>
      </c>
      <c r="BF21" s="15">
        <v>0</v>
      </c>
      <c r="BG21" s="15">
        <v>0</v>
      </c>
      <c r="BH21" s="15">
        <v>360487</v>
      </c>
      <c r="BI21" s="15">
        <v>128129</v>
      </c>
      <c r="BJ21" s="15">
        <v>232358</v>
      </c>
      <c r="BK21" s="15">
        <v>747795</v>
      </c>
      <c r="BL21" s="15">
        <v>1221586</v>
      </c>
      <c r="BM21" s="15">
        <v>1449338</v>
      </c>
      <c r="BN21" s="15">
        <v>0</v>
      </c>
      <c r="BO21" s="15">
        <v>3408444</v>
      </c>
      <c r="BP21" s="15">
        <v>2322925</v>
      </c>
      <c r="BQ21" s="15">
        <v>742276</v>
      </c>
      <c r="BR21" s="15">
        <v>573140</v>
      </c>
      <c r="BS21" s="15">
        <v>299168</v>
      </c>
      <c r="BT21" s="15">
        <v>0</v>
      </c>
      <c r="BU21" s="15">
        <v>0</v>
      </c>
      <c r="BV21" s="15">
        <v>56188</v>
      </c>
      <c r="BW21" s="15">
        <v>0</v>
      </c>
      <c r="BX21" s="15">
        <v>0</v>
      </c>
      <c r="BY21" s="15">
        <v>56188</v>
      </c>
      <c r="BZ21" s="15">
        <v>0</v>
      </c>
      <c r="CA21" s="15">
        <v>0</v>
      </c>
      <c r="CB21" s="15">
        <v>15572</v>
      </c>
      <c r="CC21" s="15">
        <v>636581</v>
      </c>
      <c r="CD21" s="15">
        <v>1085519</v>
      </c>
      <c r="CE21" s="15">
        <v>1610</v>
      </c>
      <c r="CF21" s="15">
        <v>0</v>
      </c>
      <c r="CG21" s="15">
        <v>1509</v>
      </c>
      <c r="CH21" s="15">
        <v>1082400</v>
      </c>
      <c r="CI21" s="15">
        <v>91418</v>
      </c>
      <c r="CJ21" s="15">
        <v>19960</v>
      </c>
      <c r="CK21" s="15">
        <v>71458</v>
      </c>
      <c r="CL21" s="15">
        <v>70572</v>
      </c>
      <c r="CM21" s="15">
        <v>0</v>
      </c>
      <c r="CN21" s="15">
        <v>886</v>
      </c>
      <c r="CO21" s="15">
        <v>927524</v>
      </c>
      <c r="CP21" s="15">
        <v>922015</v>
      </c>
      <c r="CQ21" s="15">
        <v>0</v>
      </c>
      <c r="CR21" s="15">
        <v>5509</v>
      </c>
      <c r="CS21" s="15">
        <v>2615370</v>
      </c>
      <c r="CT21" s="15">
        <v>3335452</v>
      </c>
      <c r="CU21" s="15">
        <v>2765176</v>
      </c>
      <c r="CV21" s="15">
        <v>570276</v>
      </c>
      <c r="CW21" s="15">
        <v>980439</v>
      </c>
      <c r="CX21" s="15">
        <v>23723</v>
      </c>
      <c r="CY21" s="15">
        <v>13</v>
      </c>
      <c r="CZ21" s="15">
        <v>0</v>
      </c>
      <c r="DA21" s="15">
        <v>136800</v>
      </c>
      <c r="DB21" s="15">
        <v>0</v>
      </c>
      <c r="DC21" s="15">
        <v>0</v>
      </c>
      <c r="DD21" s="15">
        <v>0</v>
      </c>
      <c r="DE21" s="15">
        <v>0</v>
      </c>
      <c r="DF21" s="15">
        <v>819903</v>
      </c>
      <c r="DG21" s="15">
        <v>0</v>
      </c>
      <c r="DH21" s="15">
        <v>0</v>
      </c>
      <c r="DI21" s="15">
        <v>819903</v>
      </c>
      <c r="DJ21" s="15">
        <v>2806900</v>
      </c>
      <c r="DK21" s="15">
        <v>55185277</v>
      </c>
    </row>
    <row r="22" spans="1:115" s="13" customFormat="1" ht="17.25" customHeight="1">
      <c r="A22" s="6" t="s">
        <v>216</v>
      </c>
      <c r="B22" s="15">
        <v>19429311</v>
      </c>
      <c r="C22" s="15">
        <v>229103</v>
      </c>
      <c r="D22" s="15">
        <v>53827</v>
      </c>
      <c r="E22" s="15">
        <v>0</v>
      </c>
      <c r="F22" s="15">
        <v>0</v>
      </c>
      <c r="G22" s="15">
        <v>0</v>
      </c>
      <c r="H22" s="15">
        <v>161118</v>
      </c>
      <c r="I22" s="15">
        <v>0</v>
      </c>
      <c r="J22" s="15">
        <v>14158</v>
      </c>
      <c r="K22" s="15">
        <v>6577</v>
      </c>
      <c r="L22" s="15">
        <v>132292</v>
      </c>
      <c r="M22" s="15">
        <v>101408</v>
      </c>
      <c r="N22" s="15">
        <v>0</v>
      </c>
      <c r="O22" s="15">
        <v>2916302</v>
      </c>
      <c r="P22" s="15">
        <v>0</v>
      </c>
      <c r="Q22" s="15">
        <v>474</v>
      </c>
      <c r="R22" s="15">
        <v>0</v>
      </c>
      <c r="S22" s="15">
        <v>49781</v>
      </c>
      <c r="T22" s="15">
        <v>218936</v>
      </c>
      <c r="U22" s="15">
        <v>201319</v>
      </c>
      <c r="V22" s="15">
        <v>3566318</v>
      </c>
      <c r="W22" s="15">
        <v>3411884</v>
      </c>
      <c r="X22" s="24">
        <v>154434</v>
      </c>
      <c r="Y22" s="15">
        <v>0</v>
      </c>
      <c r="Z22" s="15">
        <v>14594</v>
      </c>
      <c r="AA22" s="15">
        <v>184169</v>
      </c>
      <c r="AB22" s="15">
        <v>11395</v>
      </c>
      <c r="AC22" s="15">
        <v>172774</v>
      </c>
      <c r="AD22" s="15">
        <v>318726</v>
      </c>
      <c r="AE22" s="15">
        <v>0</v>
      </c>
      <c r="AF22" s="15">
        <v>0</v>
      </c>
      <c r="AG22" s="15">
        <v>0</v>
      </c>
      <c r="AH22" s="15">
        <v>0</v>
      </c>
      <c r="AI22" s="15">
        <v>57560</v>
      </c>
      <c r="AJ22" s="15">
        <v>74315</v>
      </c>
      <c r="AK22" s="15">
        <v>186851</v>
      </c>
      <c r="AL22" s="15">
        <v>128522</v>
      </c>
      <c r="AM22" s="15">
        <v>16750</v>
      </c>
      <c r="AN22" s="15">
        <v>111772</v>
      </c>
      <c r="AO22" s="15">
        <v>13282220</v>
      </c>
      <c r="AP22" s="15">
        <v>0</v>
      </c>
      <c r="AQ22" s="15">
        <v>3121861</v>
      </c>
      <c r="AR22" s="15">
        <v>1223857</v>
      </c>
      <c r="AS22" s="15">
        <v>1225134</v>
      </c>
      <c r="AT22" s="15">
        <v>1265990</v>
      </c>
      <c r="AU22" s="15">
        <v>0</v>
      </c>
      <c r="AV22" s="15">
        <v>329272</v>
      </c>
      <c r="AW22" s="15">
        <v>0</v>
      </c>
      <c r="AX22" s="15">
        <v>0</v>
      </c>
      <c r="AY22" s="15">
        <v>34492</v>
      </c>
      <c r="AZ22" s="15">
        <v>0</v>
      </c>
      <c r="BA22" s="15">
        <v>0</v>
      </c>
      <c r="BB22" s="15">
        <v>34492</v>
      </c>
      <c r="BC22" s="15">
        <v>0</v>
      </c>
      <c r="BD22" s="15">
        <v>96567</v>
      </c>
      <c r="BE22" s="15">
        <v>76057</v>
      </c>
      <c r="BF22" s="15">
        <v>0</v>
      </c>
      <c r="BG22" s="15">
        <v>0</v>
      </c>
      <c r="BH22" s="15">
        <v>854372</v>
      </c>
      <c r="BI22" s="15">
        <v>472059</v>
      </c>
      <c r="BJ22" s="15">
        <v>382313</v>
      </c>
      <c r="BK22" s="15">
        <v>1314684</v>
      </c>
      <c r="BL22" s="15">
        <v>2255043</v>
      </c>
      <c r="BM22" s="15">
        <v>1484891</v>
      </c>
      <c r="BN22" s="15">
        <v>261881</v>
      </c>
      <c r="BO22" s="15">
        <v>3086249</v>
      </c>
      <c r="BP22" s="15">
        <v>2111637</v>
      </c>
      <c r="BQ22" s="15">
        <v>529406</v>
      </c>
      <c r="BR22" s="15">
        <v>594374</v>
      </c>
      <c r="BS22" s="15">
        <v>276982</v>
      </c>
      <c r="BT22" s="15">
        <v>0</v>
      </c>
      <c r="BU22" s="15">
        <v>0</v>
      </c>
      <c r="BV22" s="15">
        <v>53597</v>
      </c>
      <c r="BW22" s="15">
        <v>0</v>
      </c>
      <c r="BX22" s="15">
        <v>0</v>
      </c>
      <c r="BY22" s="15">
        <v>53597</v>
      </c>
      <c r="BZ22" s="15">
        <v>0</v>
      </c>
      <c r="CA22" s="15">
        <v>0</v>
      </c>
      <c r="CB22" s="15">
        <v>0</v>
      </c>
      <c r="CC22" s="15">
        <v>657278</v>
      </c>
      <c r="CD22" s="15">
        <v>974612</v>
      </c>
      <c r="CE22" s="15">
        <v>0</v>
      </c>
      <c r="CF22" s="15">
        <v>0</v>
      </c>
      <c r="CG22" s="15">
        <v>0</v>
      </c>
      <c r="CH22" s="15">
        <v>974612</v>
      </c>
      <c r="CI22" s="15">
        <v>194803</v>
      </c>
      <c r="CJ22" s="15">
        <v>22458</v>
      </c>
      <c r="CK22" s="15">
        <v>172345</v>
      </c>
      <c r="CL22" s="15">
        <v>171187</v>
      </c>
      <c r="CM22" s="15">
        <v>0</v>
      </c>
      <c r="CN22" s="15">
        <v>1158</v>
      </c>
      <c r="CO22" s="15">
        <v>45386</v>
      </c>
      <c r="CP22" s="15">
        <v>39990</v>
      </c>
      <c r="CQ22" s="15">
        <v>0</v>
      </c>
      <c r="CR22" s="15">
        <v>5396</v>
      </c>
      <c r="CS22" s="15">
        <v>3459863</v>
      </c>
      <c r="CT22" s="15">
        <v>2442270</v>
      </c>
      <c r="CU22" s="15">
        <v>2242887</v>
      </c>
      <c r="CV22" s="15">
        <v>199383</v>
      </c>
      <c r="CW22" s="15">
        <v>608721</v>
      </c>
      <c r="CX22" s="15">
        <v>33660</v>
      </c>
      <c r="CY22" s="15">
        <v>63</v>
      </c>
      <c r="CZ22" s="15">
        <v>0</v>
      </c>
      <c r="DA22" s="15">
        <v>66970</v>
      </c>
      <c r="DB22" s="15">
        <v>0</v>
      </c>
      <c r="DC22" s="15">
        <v>0</v>
      </c>
      <c r="DD22" s="15">
        <v>0</v>
      </c>
      <c r="DE22" s="15">
        <v>0</v>
      </c>
      <c r="DF22" s="15">
        <v>508028</v>
      </c>
      <c r="DG22" s="15">
        <v>0</v>
      </c>
      <c r="DH22" s="15">
        <v>0</v>
      </c>
      <c r="DI22" s="15">
        <v>508028</v>
      </c>
      <c r="DJ22" s="15">
        <v>237400</v>
      </c>
      <c r="DK22" s="15">
        <v>51116625</v>
      </c>
    </row>
    <row r="23" spans="1:115" s="13" customFormat="1" ht="17.25" customHeight="1">
      <c r="A23" s="6" t="s">
        <v>184</v>
      </c>
      <c r="B23" s="15">
        <v>6708630</v>
      </c>
      <c r="C23" s="15">
        <v>104447</v>
      </c>
      <c r="D23" s="15">
        <v>23222</v>
      </c>
      <c r="E23" s="15">
        <v>0</v>
      </c>
      <c r="F23" s="15">
        <v>0</v>
      </c>
      <c r="G23" s="15">
        <v>0</v>
      </c>
      <c r="H23" s="15">
        <v>69511</v>
      </c>
      <c r="I23" s="15">
        <v>0</v>
      </c>
      <c r="J23" s="15">
        <v>11714</v>
      </c>
      <c r="K23" s="15">
        <v>1917</v>
      </c>
      <c r="L23" s="15">
        <v>38403</v>
      </c>
      <c r="M23" s="15">
        <v>29287</v>
      </c>
      <c r="N23" s="15">
        <v>0</v>
      </c>
      <c r="O23" s="15">
        <v>933567</v>
      </c>
      <c r="P23" s="15">
        <v>0</v>
      </c>
      <c r="Q23" s="15">
        <v>206</v>
      </c>
      <c r="R23" s="15">
        <v>0</v>
      </c>
      <c r="S23" s="15">
        <v>21567</v>
      </c>
      <c r="T23" s="15">
        <v>82216</v>
      </c>
      <c r="U23" s="15">
        <v>40294</v>
      </c>
      <c r="V23" s="15">
        <v>1599979</v>
      </c>
      <c r="W23" s="15">
        <v>1544769</v>
      </c>
      <c r="X23" s="24">
        <v>55151</v>
      </c>
      <c r="Y23" s="15">
        <v>59</v>
      </c>
      <c r="Z23" s="15">
        <v>4173</v>
      </c>
      <c r="AA23" s="15">
        <v>100942</v>
      </c>
      <c r="AB23" s="15">
        <v>57581</v>
      </c>
      <c r="AC23" s="15">
        <v>43361</v>
      </c>
      <c r="AD23" s="15">
        <v>154664</v>
      </c>
      <c r="AE23" s="15">
        <v>0</v>
      </c>
      <c r="AF23" s="15">
        <v>0</v>
      </c>
      <c r="AG23" s="15">
        <v>0</v>
      </c>
      <c r="AH23" s="15">
        <v>0</v>
      </c>
      <c r="AI23" s="15">
        <v>14874</v>
      </c>
      <c r="AJ23" s="15">
        <v>54984</v>
      </c>
      <c r="AK23" s="15">
        <v>84806</v>
      </c>
      <c r="AL23" s="15">
        <v>70728</v>
      </c>
      <c r="AM23" s="15">
        <v>11280</v>
      </c>
      <c r="AN23" s="15">
        <v>59448</v>
      </c>
      <c r="AO23" s="15">
        <v>3090905</v>
      </c>
      <c r="AP23" s="15">
        <v>0</v>
      </c>
      <c r="AQ23" s="15">
        <v>541888</v>
      </c>
      <c r="AR23" s="15">
        <v>423051</v>
      </c>
      <c r="AS23" s="15">
        <v>385568</v>
      </c>
      <c r="AT23" s="15">
        <v>355989</v>
      </c>
      <c r="AU23" s="15">
        <v>0</v>
      </c>
      <c r="AV23" s="15">
        <v>47880</v>
      </c>
      <c r="AW23" s="15">
        <v>0</v>
      </c>
      <c r="AX23" s="15">
        <v>0</v>
      </c>
      <c r="AY23" s="15">
        <v>10637</v>
      </c>
      <c r="AZ23" s="15">
        <v>0</v>
      </c>
      <c r="BA23" s="15">
        <v>0</v>
      </c>
      <c r="BB23" s="15">
        <v>10637</v>
      </c>
      <c r="BC23" s="15">
        <v>0</v>
      </c>
      <c r="BD23" s="15">
        <v>10928</v>
      </c>
      <c r="BE23" s="15">
        <v>0</v>
      </c>
      <c r="BF23" s="15">
        <v>0</v>
      </c>
      <c r="BG23" s="15">
        <v>24050</v>
      </c>
      <c r="BH23" s="15">
        <v>319805</v>
      </c>
      <c r="BI23" s="15">
        <v>171387</v>
      </c>
      <c r="BJ23" s="15">
        <v>148418</v>
      </c>
      <c r="BK23" s="15">
        <v>385116</v>
      </c>
      <c r="BL23" s="15">
        <v>285597</v>
      </c>
      <c r="BM23" s="15">
        <v>300396</v>
      </c>
      <c r="BN23" s="15">
        <v>0</v>
      </c>
      <c r="BO23" s="15">
        <v>1033753</v>
      </c>
      <c r="BP23" s="15">
        <v>613033</v>
      </c>
      <c r="BQ23" s="15">
        <v>195703</v>
      </c>
      <c r="BR23" s="15">
        <v>186398</v>
      </c>
      <c r="BS23" s="15">
        <v>80132</v>
      </c>
      <c r="BT23" s="15">
        <v>8560</v>
      </c>
      <c r="BU23" s="15">
        <v>0</v>
      </c>
      <c r="BV23" s="15">
        <v>23522</v>
      </c>
      <c r="BW23" s="15">
        <v>0</v>
      </c>
      <c r="BX23" s="15">
        <v>0</v>
      </c>
      <c r="BY23" s="15">
        <v>23522</v>
      </c>
      <c r="BZ23" s="15">
        <v>4400</v>
      </c>
      <c r="CA23" s="15">
        <v>0</v>
      </c>
      <c r="CB23" s="15">
        <v>0</v>
      </c>
      <c r="CC23" s="15">
        <v>114318</v>
      </c>
      <c r="CD23" s="15">
        <v>420720</v>
      </c>
      <c r="CE23" s="15">
        <v>0</v>
      </c>
      <c r="CF23" s="15">
        <v>0</v>
      </c>
      <c r="CG23" s="15">
        <v>0</v>
      </c>
      <c r="CH23" s="15">
        <v>420720</v>
      </c>
      <c r="CI23" s="15">
        <v>74773</v>
      </c>
      <c r="CJ23" s="15">
        <v>71754</v>
      </c>
      <c r="CK23" s="15">
        <v>3019</v>
      </c>
      <c r="CL23" s="15">
        <v>1231</v>
      </c>
      <c r="CM23" s="15">
        <v>0</v>
      </c>
      <c r="CN23" s="15">
        <v>1788</v>
      </c>
      <c r="CO23" s="15">
        <v>2154011</v>
      </c>
      <c r="CP23" s="15">
        <v>2148509</v>
      </c>
      <c r="CQ23" s="15">
        <v>1500</v>
      </c>
      <c r="CR23" s="15">
        <v>4002</v>
      </c>
      <c r="CS23" s="15">
        <v>1242396</v>
      </c>
      <c r="CT23" s="15">
        <v>1025902</v>
      </c>
      <c r="CU23" s="15">
        <v>1004626</v>
      </c>
      <c r="CV23" s="15">
        <v>21276</v>
      </c>
      <c r="CW23" s="15">
        <v>397192</v>
      </c>
      <c r="CX23" s="15">
        <v>10680</v>
      </c>
      <c r="CY23" s="15">
        <v>43</v>
      </c>
      <c r="CZ23" s="15">
        <v>0</v>
      </c>
      <c r="DA23" s="15">
        <v>38372</v>
      </c>
      <c r="DB23" s="15">
        <v>0</v>
      </c>
      <c r="DC23" s="15">
        <v>0</v>
      </c>
      <c r="DD23" s="15">
        <v>0</v>
      </c>
      <c r="DE23" s="15">
        <v>0</v>
      </c>
      <c r="DF23" s="15">
        <v>348097</v>
      </c>
      <c r="DG23" s="15">
        <v>13447</v>
      </c>
      <c r="DH23" s="15">
        <v>0</v>
      </c>
      <c r="DI23" s="15">
        <v>334650</v>
      </c>
      <c r="DJ23" s="15">
        <v>533900</v>
      </c>
      <c r="DK23" s="15">
        <v>19443852</v>
      </c>
    </row>
    <row r="24" spans="1:115" ht="17.25" customHeight="1">
      <c r="A24" s="18" t="s">
        <v>185</v>
      </c>
      <c r="B24" s="19">
        <v>13445293</v>
      </c>
      <c r="C24" s="19">
        <v>177000</v>
      </c>
      <c r="D24" s="19">
        <v>42061</v>
      </c>
      <c r="E24" s="19">
        <v>0</v>
      </c>
      <c r="F24" s="19">
        <v>0</v>
      </c>
      <c r="G24" s="19">
        <v>0</v>
      </c>
      <c r="H24" s="19">
        <v>125895</v>
      </c>
      <c r="I24" s="19">
        <v>0</v>
      </c>
      <c r="J24" s="19">
        <v>9044</v>
      </c>
      <c r="K24" s="19">
        <v>3975</v>
      </c>
      <c r="L24" s="19">
        <v>79863</v>
      </c>
      <c r="M24" s="19">
        <v>61133</v>
      </c>
      <c r="N24" s="19">
        <v>0</v>
      </c>
      <c r="O24" s="19">
        <v>2011602</v>
      </c>
      <c r="P24" s="19">
        <v>14890</v>
      </c>
      <c r="Q24" s="19">
        <v>372</v>
      </c>
      <c r="R24" s="19">
        <v>0</v>
      </c>
      <c r="S24" s="19">
        <v>39010</v>
      </c>
      <c r="T24" s="19">
        <v>201230</v>
      </c>
      <c r="U24" s="19">
        <v>128889</v>
      </c>
      <c r="V24" s="19">
        <v>2209736</v>
      </c>
      <c r="W24" s="19">
        <v>2037031</v>
      </c>
      <c r="X24" s="25">
        <v>172705</v>
      </c>
      <c r="Y24" s="19">
        <v>0</v>
      </c>
      <c r="Z24" s="19">
        <v>12990</v>
      </c>
      <c r="AA24" s="19">
        <v>140506</v>
      </c>
      <c r="AB24" s="19">
        <v>10463</v>
      </c>
      <c r="AC24" s="19">
        <v>130043</v>
      </c>
      <c r="AD24" s="19">
        <v>110746</v>
      </c>
      <c r="AE24" s="19">
        <v>0</v>
      </c>
      <c r="AF24" s="19">
        <v>0</v>
      </c>
      <c r="AG24" s="19">
        <v>0</v>
      </c>
      <c r="AH24" s="19">
        <v>0</v>
      </c>
      <c r="AI24" s="19">
        <v>27841</v>
      </c>
      <c r="AJ24" s="19">
        <v>12650</v>
      </c>
      <c r="AK24" s="19">
        <v>70255</v>
      </c>
      <c r="AL24" s="19">
        <v>68196</v>
      </c>
      <c r="AM24" s="19">
        <v>12620</v>
      </c>
      <c r="AN24" s="19">
        <v>55576</v>
      </c>
      <c r="AO24" s="19">
        <v>8345045</v>
      </c>
      <c r="AP24" s="19">
        <v>0</v>
      </c>
      <c r="AQ24" s="19">
        <v>1164742</v>
      </c>
      <c r="AR24" s="19">
        <v>889935</v>
      </c>
      <c r="AS24" s="19">
        <v>757010</v>
      </c>
      <c r="AT24" s="19">
        <v>919927</v>
      </c>
      <c r="AU24" s="19">
        <v>0</v>
      </c>
      <c r="AV24" s="19">
        <v>417433</v>
      </c>
      <c r="AW24" s="19">
        <v>0</v>
      </c>
      <c r="AX24" s="19">
        <v>0</v>
      </c>
      <c r="AY24" s="19">
        <v>19475</v>
      </c>
      <c r="AZ24" s="19">
        <v>0</v>
      </c>
      <c r="BA24" s="19">
        <v>0</v>
      </c>
      <c r="BB24" s="19">
        <v>19475</v>
      </c>
      <c r="BC24" s="19">
        <v>0</v>
      </c>
      <c r="BD24" s="19">
        <v>177910</v>
      </c>
      <c r="BE24" s="19">
        <v>419945</v>
      </c>
      <c r="BF24" s="19">
        <v>0</v>
      </c>
      <c r="BG24" s="19">
        <v>0</v>
      </c>
      <c r="BH24" s="19">
        <v>675594</v>
      </c>
      <c r="BI24" s="19">
        <v>340993</v>
      </c>
      <c r="BJ24" s="19">
        <v>334601</v>
      </c>
      <c r="BK24" s="19">
        <v>605196</v>
      </c>
      <c r="BL24" s="19">
        <v>1533431</v>
      </c>
      <c r="BM24" s="19">
        <v>764447</v>
      </c>
      <c r="BN24" s="19">
        <v>1253625</v>
      </c>
      <c r="BO24" s="19">
        <v>2017168</v>
      </c>
      <c r="BP24" s="19">
        <v>1332978</v>
      </c>
      <c r="BQ24" s="19">
        <v>391421</v>
      </c>
      <c r="BR24" s="19">
        <v>376917</v>
      </c>
      <c r="BS24" s="19">
        <v>205183</v>
      </c>
      <c r="BT24" s="19">
        <v>0</v>
      </c>
      <c r="BU24" s="19">
        <v>0</v>
      </c>
      <c r="BV24" s="19">
        <v>37527</v>
      </c>
      <c r="BW24" s="19">
        <v>0</v>
      </c>
      <c r="BX24" s="19">
        <v>0</v>
      </c>
      <c r="BY24" s="19">
        <v>37527</v>
      </c>
      <c r="BZ24" s="19">
        <v>0</v>
      </c>
      <c r="CA24" s="19">
        <v>0</v>
      </c>
      <c r="CB24" s="19">
        <v>4646</v>
      </c>
      <c r="CC24" s="19">
        <v>317284</v>
      </c>
      <c r="CD24" s="19">
        <v>684190</v>
      </c>
      <c r="CE24" s="19">
        <v>0</v>
      </c>
      <c r="CF24" s="19">
        <v>0</v>
      </c>
      <c r="CG24" s="19">
        <v>0</v>
      </c>
      <c r="CH24" s="19">
        <v>684190</v>
      </c>
      <c r="CI24" s="19">
        <v>100387</v>
      </c>
      <c r="CJ24" s="19">
        <v>70525</v>
      </c>
      <c r="CK24" s="19">
        <v>29862</v>
      </c>
      <c r="CL24" s="19">
        <v>28360</v>
      </c>
      <c r="CM24" s="19">
        <v>0</v>
      </c>
      <c r="CN24" s="19">
        <v>1502</v>
      </c>
      <c r="CO24" s="19">
        <v>348673</v>
      </c>
      <c r="CP24" s="19">
        <v>344039</v>
      </c>
      <c r="CQ24" s="19">
        <v>0</v>
      </c>
      <c r="CR24" s="19">
        <v>4634</v>
      </c>
      <c r="CS24" s="19">
        <v>285675</v>
      </c>
      <c r="CT24" s="19">
        <v>3174089</v>
      </c>
      <c r="CU24" s="19">
        <v>2998184</v>
      </c>
      <c r="CV24" s="19">
        <v>175905</v>
      </c>
      <c r="CW24" s="19">
        <v>280802</v>
      </c>
      <c r="CX24" s="19">
        <v>21448</v>
      </c>
      <c r="CY24" s="19">
        <v>43</v>
      </c>
      <c r="CZ24" s="19">
        <v>0</v>
      </c>
      <c r="DA24" s="19">
        <v>30000</v>
      </c>
      <c r="DB24" s="19">
        <v>0</v>
      </c>
      <c r="DC24" s="19">
        <v>0</v>
      </c>
      <c r="DD24" s="19">
        <v>0</v>
      </c>
      <c r="DE24" s="19">
        <v>0</v>
      </c>
      <c r="DF24" s="19">
        <v>229311</v>
      </c>
      <c r="DG24" s="19">
        <v>0</v>
      </c>
      <c r="DH24" s="19">
        <v>0</v>
      </c>
      <c r="DI24" s="19">
        <v>229311</v>
      </c>
      <c r="DJ24" s="19">
        <v>862600</v>
      </c>
      <c r="DK24" s="19">
        <v>35373495</v>
      </c>
    </row>
    <row r="25" spans="1:115" ht="17.25" customHeight="1">
      <c r="A25" s="6" t="s">
        <v>186</v>
      </c>
      <c r="B25" s="15">
        <v>5837762</v>
      </c>
      <c r="C25" s="15">
        <v>63135</v>
      </c>
      <c r="D25" s="15">
        <v>14859</v>
      </c>
      <c r="E25" s="15">
        <v>0</v>
      </c>
      <c r="F25" s="15">
        <v>0</v>
      </c>
      <c r="G25" s="15">
        <v>0</v>
      </c>
      <c r="H25" s="15">
        <v>44476</v>
      </c>
      <c r="I25" s="15">
        <v>0</v>
      </c>
      <c r="J25" s="15">
        <v>3800</v>
      </c>
      <c r="K25" s="15">
        <v>2303</v>
      </c>
      <c r="L25" s="15">
        <v>46353</v>
      </c>
      <c r="M25" s="15">
        <v>35537</v>
      </c>
      <c r="N25" s="15">
        <v>0</v>
      </c>
      <c r="O25" s="15">
        <v>671908</v>
      </c>
      <c r="P25" s="15">
        <v>19217</v>
      </c>
      <c r="Q25" s="15">
        <v>131</v>
      </c>
      <c r="R25" s="15">
        <v>0</v>
      </c>
      <c r="S25" s="15">
        <v>13738</v>
      </c>
      <c r="T25" s="15">
        <v>36285</v>
      </c>
      <c r="U25" s="15">
        <v>27068</v>
      </c>
      <c r="V25" s="15">
        <v>1245240</v>
      </c>
      <c r="W25" s="15">
        <v>1193669</v>
      </c>
      <c r="X25" s="24">
        <v>51571</v>
      </c>
      <c r="Y25" s="15">
        <v>0</v>
      </c>
      <c r="Z25" s="15">
        <v>3991</v>
      </c>
      <c r="AA25" s="15">
        <v>42427</v>
      </c>
      <c r="AB25" s="15">
        <v>1384</v>
      </c>
      <c r="AC25" s="15">
        <v>41043</v>
      </c>
      <c r="AD25" s="15">
        <v>106100</v>
      </c>
      <c r="AE25" s="15">
        <v>0</v>
      </c>
      <c r="AF25" s="15">
        <v>0</v>
      </c>
      <c r="AG25" s="15">
        <v>0</v>
      </c>
      <c r="AH25" s="15">
        <v>0</v>
      </c>
      <c r="AI25" s="15">
        <v>10504</v>
      </c>
      <c r="AJ25" s="15">
        <v>11892</v>
      </c>
      <c r="AK25" s="15">
        <v>83704</v>
      </c>
      <c r="AL25" s="15">
        <v>79027</v>
      </c>
      <c r="AM25" s="15">
        <v>4624</v>
      </c>
      <c r="AN25" s="15">
        <v>74403</v>
      </c>
      <c r="AO25" s="15">
        <v>2009000</v>
      </c>
      <c r="AP25" s="15">
        <v>0</v>
      </c>
      <c r="AQ25" s="15">
        <v>0</v>
      </c>
      <c r="AR25" s="15">
        <v>337599</v>
      </c>
      <c r="AS25" s="15">
        <v>224549</v>
      </c>
      <c r="AT25" s="15">
        <v>283532</v>
      </c>
      <c r="AU25" s="15">
        <v>0</v>
      </c>
      <c r="AV25" s="15">
        <v>151603</v>
      </c>
      <c r="AW25" s="15">
        <v>0</v>
      </c>
      <c r="AX25" s="15">
        <v>0</v>
      </c>
      <c r="AY25" s="15">
        <v>6114</v>
      </c>
      <c r="AZ25" s="15">
        <v>0</v>
      </c>
      <c r="BA25" s="15">
        <v>0</v>
      </c>
      <c r="BB25" s="15">
        <v>6114</v>
      </c>
      <c r="BC25" s="15">
        <v>0</v>
      </c>
      <c r="BD25" s="15">
        <v>3053</v>
      </c>
      <c r="BE25" s="15">
        <v>0</v>
      </c>
      <c r="BF25" s="15">
        <v>0</v>
      </c>
      <c r="BG25" s="15">
        <v>1247</v>
      </c>
      <c r="BH25" s="15">
        <v>281890</v>
      </c>
      <c r="BI25" s="15">
        <v>137830</v>
      </c>
      <c r="BJ25" s="15">
        <v>144060</v>
      </c>
      <c r="BK25" s="15">
        <v>231689</v>
      </c>
      <c r="BL25" s="15">
        <v>244958</v>
      </c>
      <c r="BM25" s="15">
        <v>242766</v>
      </c>
      <c r="BN25" s="15">
        <v>0</v>
      </c>
      <c r="BO25" s="15">
        <v>784241</v>
      </c>
      <c r="BP25" s="15">
        <v>482688</v>
      </c>
      <c r="BQ25" s="15">
        <v>143464</v>
      </c>
      <c r="BR25" s="15">
        <v>111326</v>
      </c>
      <c r="BS25" s="15">
        <v>65579</v>
      </c>
      <c r="BT25" s="15">
        <v>11050</v>
      </c>
      <c r="BU25" s="15">
        <v>0</v>
      </c>
      <c r="BV25" s="15">
        <v>20000</v>
      </c>
      <c r="BW25" s="15">
        <v>0</v>
      </c>
      <c r="BX25" s="15">
        <v>0</v>
      </c>
      <c r="BY25" s="15">
        <v>20000</v>
      </c>
      <c r="BZ25" s="15">
        <v>0</v>
      </c>
      <c r="CA25" s="15">
        <v>0</v>
      </c>
      <c r="CB25" s="15">
        <v>1365</v>
      </c>
      <c r="CC25" s="15">
        <v>129904</v>
      </c>
      <c r="CD25" s="15">
        <v>301553</v>
      </c>
      <c r="CE25" s="15">
        <v>0</v>
      </c>
      <c r="CF25" s="15">
        <v>0</v>
      </c>
      <c r="CG25" s="15">
        <v>0</v>
      </c>
      <c r="CH25" s="15">
        <v>301553</v>
      </c>
      <c r="CI25" s="15">
        <v>9093</v>
      </c>
      <c r="CJ25" s="15">
        <v>7779</v>
      </c>
      <c r="CK25" s="15">
        <v>1314</v>
      </c>
      <c r="CL25" s="15">
        <v>82</v>
      </c>
      <c r="CM25" s="15">
        <v>0</v>
      </c>
      <c r="CN25" s="15">
        <v>1232</v>
      </c>
      <c r="CO25" s="15">
        <v>77155</v>
      </c>
      <c r="CP25" s="15">
        <v>63496</v>
      </c>
      <c r="CQ25" s="15">
        <v>13100</v>
      </c>
      <c r="CR25" s="15">
        <v>559</v>
      </c>
      <c r="CS25" s="15">
        <v>605655</v>
      </c>
      <c r="CT25" s="15">
        <v>958651</v>
      </c>
      <c r="CU25" s="15">
        <v>949770</v>
      </c>
      <c r="CV25" s="15">
        <v>8881</v>
      </c>
      <c r="CW25" s="15">
        <v>129712</v>
      </c>
      <c r="CX25" s="15">
        <v>3837</v>
      </c>
      <c r="CY25" s="15">
        <v>4</v>
      </c>
      <c r="CZ25" s="15">
        <v>0</v>
      </c>
      <c r="DA25" s="15">
        <v>4000</v>
      </c>
      <c r="DB25" s="15">
        <v>0</v>
      </c>
      <c r="DC25" s="15">
        <v>0</v>
      </c>
      <c r="DD25" s="15">
        <v>0</v>
      </c>
      <c r="DE25" s="15">
        <v>0</v>
      </c>
      <c r="DF25" s="15">
        <v>121871</v>
      </c>
      <c r="DG25" s="15">
        <v>905</v>
      </c>
      <c r="DH25" s="15">
        <v>0</v>
      </c>
      <c r="DI25" s="15">
        <v>120966</v>
      </c>
      <c r="DJ25" s="15">
        <v>523327</v>
      </c>
      <c r="DK25" s="15">
        <v>13327056</v>
      </c>
    </row>
    <row r="26" spans="1:115" s="13" customFormat="1" ht="17.25" customHeight="1">
      <c r="A26" s="6" t="s">
        <v>187</v>
      </c>
      <c r="B26" s="15">
        <v>9444606</v>
      </c>
      <c r="C26" s="15">
        <v>103379</v>
      </c>
      <c r="D26" s="15">
        <v>24620</v>
      </c>
      <c r="E26" s="15">
        <v>0</v>
      </c>
      <c r="F26" s="15">
        <v>0</v>
      </c>
      <c r="G26" s="15">
        <v>0</v>
      </c>
      <c r="H26" s="15">
        <v>73693</v>
      </c>
      <c r="I26" s="15">
        <v>0</v>
      </c>
      <c r="J26" s="15">
        <v>5066</v>
      </c>
      <c r="K26" s="15">
        <v>2263</v>
      </c>
      <c r="L26" s="15">
        <v>45582</v>
      </c>
      <c r="M26" s="15">
        <v>34975</v>
      </c>
      <c r="N26" s="15">
        <v>0</v>
      </c>
      <c r="O26" s="15">
        <v>1165826</v>
      </c>
      <c r="P26" s="15">
        <v>0</v>
      </c>
      <c r="Q26" s="15">
        <v>217</v>
      </c>
      <c r="R26" s="15">
        <v>0</v>
      </c>
      <c r="S26" s="15">
        <v>22767</v>
      </c>
      <c r="T26" s="15">
        <v>128817</v>
      </c>
      <c r="U26" s="15">
        <v>85769</v>
      </c>
      <c r="V26" s="15">
        <v>7236</v>
      </c>
      <c r="W26" s="15">
        <v>0</v>
      </c>
      <c r="X26" s="24">
        <v>7183</v>
      </c>
      <c r="Y26" s="15">
        <v>53</v>
      </c>
      <c r="Z26" s="15">
        <v>6749</v>
      </c>
      <c r="AA26" s="15">
        <v>463123</v>
      </c>
      <c r="AB26" s="15">
        <v>374720</v>
      </c>
      <c r="AC26" s="15">
        <v>88403</v>
      </c>
      <c r="AD26" s="15">
        <v>46289</v>
      </c>
      <c r="AE26" s="15">
        <v>0</v>
      </c>
      <c r="AF26" s="15">
        <v>0</v>
      </c>
      <c r="AG26" s="15">
        <v>0</v>
      </c>
      <c r="AH26" s="15">
        <v>0</v>
      </c>
      <c r="AI26" s="15">
        <v>0</v>
      </c>
      <c r="AJ26" s="15">
        <v>0</v>
      </c>
      <c r="AK26" s="15">
        <v>46289</v>
      </c>
      <c r="AL26" s="15">
        <v>26463</v>
      </c>
      <c r="AM26" s="15">
        <v>6938</v>
      </c>
      <c r="AN26" s="15">
        <v>19525</v>
      </c>
      <c r="AO26" s="15">
        <v>3298431</v>
      </c>
      <c r="AP26" s="15">
        <v>0</v>
      </c>
      <c r="AQ26" s="15">
        <v>0</v>
      </c>
      <c r="AR26" s="15">
        <v>643947</v>
      </c>
      <c r="AS26" s="15">
        <v>481386</v>
      </c>
      <c r="AT26" s="15">
        <v>544284</v>
      </c>
      <c r="AU26" s="15">
        <v>0</v>
      </c>
      <c r="AV26" s="15">
        <v>14300</v>
      </c>
      <c r="AW26" s="15">
        <v>0</v>
      </c>
      <c r="AX26" s="15">
        <v>0</v>
      </c>
      <c r="AY26" s="15">
        <v>10088</v>
      </c>
      <c r="AZ26" s="15">
        <v>0</v>
      </c>
      <c r="BA26" s="15">
        <v>0</v>
      </c>
      <c r="BB26" s="15">
        <v>10088</v>
      </c>
      <c r="BC26" s="15">
        <v>0</v>
      </c>
      <c r="BD26" s="15">
        <v>35503</v>
      </c>
      <c r="BE26" s="15">
        <v>0</v>
      </c>
      <c r="BF26" s="15">
        <v>0</v>
      </c>
      <c r="BG26" s="15">
        <v>0</v>
      </c>
      <c r="BH26" s="15">
        <v>290544</v>
      </c>
      <c r="BI26" s="15">
        <v>162821</v>
      </c>
      <c r="BJ26" s="15">
        <v>127723</v>
      </c>
      <c r="BK26" s="15">
        <v>319155</v>
      </c>
      <c r="BL26" s="15">
        <v>615504</v>
      </c>
      <c r="BM26" s="15">
        <v>343720</v>
      </c>
      <c r="BN26" s="15">
        <v>0</v>
      </c>
      <c r="BO26" s="15">
        <v>1255816</v>
      </c>
      <c r="BP26" s="15">
        <v>832948</v>
      </c>
      <c r="BQ26" s="15">
        <v>283925</v>
      </c>
      <c r="BR26" s="15">
        <v>259738</v>
      </c>
      <c r="BS26" s="15">
        <v>119511</v>
      </c>
      <c r="BT26" s="15">
        <v>4900</v>
      </c>
      <c r="BU26" s="15">
        <v>0</v>
      </c>
      <c r="BV26" s="15">
        <v>19994</v>
      </c>
      <c r="BW26" s="15">
        <v>0</v>
      </c>
      <c r="BX26" s="15">
        <v>0</v>
      </c>
      <c r="BY26" s="15">
        <v>19994</v>
      </c>
      <c r="BZ26" s="15">
        <v>0</v>
      </c>
      <c r="CA26" s="15">
        <v>0</v>
      </c>
      <c r="CB26" s="15">
        <v>207</v>
      </c>
      <c r="CC26" s="15">
        <v>144673</v>
      </c>
      <c r="CD26" s="15">
        <v>422868</v>
      </c>
      <c r="CE26" s="15">
        <v>0</v>
      </c>
      <c r="CF26" s="15">
        <v>0</v>
      </c>
      <c r="CG26" s="15">
        <v>0</v>
      </c>
      <c r="CH26" s="15">
        <v>422868</v>
      </c>
      <c r="CI26" s="15">
        <v>33069</v>
      </c>
      <c r="CJ26" s="15">
        <v>5777</v>
      </c>
      <c r="CK26" s="15">
        <v>27292</v>
      </c>
      <c r="CL26" s="15">
        <v>25460</v>
      </c>
      <c r="CM26" s="15">
        <v>0</v>
      </c>
      <c r="CN26" s="15">
        <v>1832</v>
      </c>
      <c r="CO26" s="15">
        <v>51330</v>
      </c>
      <c r="CP26" s="15">
        <v>48360</v>
      </c>
      <c r="CQ26" s="15">
        <v>0</v>
      </c>
      <c r="CR26" s="15">
        <v>2970</v>
      </c>
      <c r="CS26" s="15">
        <v>977466</v>
      </c>
      <c r="CT26" s="15">
        <v>2256765</v>
      </c>
      <c r="CU26" s="15">
        <v>2160584</v>
      </c>
      <c r="CV26" s="15">
        <v>96181</v>
      </c>
      <c r="CW26" s="15">
        <v>519103</v>
      </c>
      <c r="CX26" s="15">
        <v>8349</v>
      </c>
      <c r="CY26" s="15">
        <v>4</v>
      </c>
      <c r="CZ26" s="15">
        <v>0</v>
      </c>
      <c r="DA26" s="15">
        <v>55000</v>
      </c>
      <c r="DB26" s="15">
        <v>0</v>
      </c>
      <c r="DC26" s="15">
        <v>0</v>
      </c>
      <c r="DD26" s="15">
        <v>0</v>
      </c>
      <c r="DE26" s="15">
        <v>0</v>
      </c>
      <c r="DF26" s="15">
        <v>455750</v>
      </c>
      <c r="DG26" s="15">
        <v>0</v>
      </c>
      <c r="DH26" s="15">
        <v>0</v>
      </c>
      <c r="DI26" s="15">
        <v>455750</v>
      </c>
      <c r="DJ26" s="15">
        <v>925700</v>
      </c>
      <c r="DK26" s="15">
        <v>20901741</v>
      </c>
    </row>
    <row r="27" spans="1:115" s="13" customFormat="1" ht="17.25" customHeight="1">
      <c r="A27" s="6" t="s">
        <v>188</v>
      </c>
      <c r="B27" s="15">
        <v>4916970</v>
      </c>
      <c r="C27" s="15">
        <v>64487</v>
      </c>
      <c r="D27" s="15">
        <v>15288</v>
      </c>
      <c r="E27" s="15">
        <v>0</v>
      </c>
      <c r="F27" s="15">
        <v>0</v>
      </c>
      <c r="G27" s="15">
        <v>0</v>
      </c>
      <c r="H27" s="15">
        <v>45763</v>
      </c>
      <c r="I27" s="15">
        <v>0</v>
      </c>
      <c r="J27" s="15">
        <v>3436</v>
      </c>
      <c r="K27" s="15">
        <v>1970</v>
      </c>
      <c r="L27" s="15">
        <v>39572</v>
      </c>
      <c r="M27" s="15">
        <v>30288</v>
      </c>
      <c r="N27" s="15">
        <v>0</v>
      </c>
      <c r="O27" s="15">
        <v>687684</v>
      </c>
      <c r="P27" s="15">
        <v>26991</v>
      </c>
      <c r="Q27" s="15">
        <v>135</v>
      </c>
      <c r="R27" s="15">
        <v>0</v>
      </c>
      <c r="S27" s="15">
        <v>14150</v>
      </c>
      <c r="T27" s="15">
        <v>43707</v>
      </c>
      <c r="U27" s="15">
        <v>33353</v>
      </c>
      <c r="V27" s="15">
        <v>1576608</v>
      </c>
      <c r="W27" s="15">
        <v>1451140</v>
      </c>
      <c r="X27" s="24">
        <v>125468</v>
      </c>
      <c r="Y27" s="15">
        <v>0</v>
      </c>
      <c r="Z27" s="15">
        <v>3140</v>
      </c>
      <c r="AA27" s="15">
        <v>214196</v>
      </c>
      <c r="AB27" s="15">
        <v>104906</v>
      </c>
      <c r="AC27" s="15">
        <v>109290</v>
      </c>
      <c r="AD27" s="15">
        <v>76583</v>
      </c>
      <c r="AE27" s="15">
        <v>787</v>
      </c>
      <c r="AF27" s="15">
        <v>0</v>
      </c>
      <c r="AG27" s="15">
        <v>787</v>
      </c>
      <c r="AH27" s="15">
        <v>0</v>
      </c>
      <c r="AI27" s="15">
        <v>8048</v>
      </c>
      <c r="AJ27" s="15">
        <v>6914</v>
      </c>
      <c r="AK27" s="15">
        <v>60834</v>
      </c>
      <c r="AL27" s="15">
        <v>55190</v>
      </c>
      <c r="AM27" s="15">
        <v>4905</v>
      </c>
      <c r="AN27" s="15">
        <v>50285</v>
      </c>
      <c r="AO27" s="15">
        <v>1908514</v>
      </c>
      <c r="AP27" s="15">
        <v>0</v>
      </c>
      <c r="AQ27" s="15">
        <v>0</v>
      </c>
      <c r="AR27" s="15">
        <v>239216</v>
      </c>
      <c r="AS27" s="15">
        <v>268831</v>
      </c>
      <c r="AT27" s="15">
        <v>268917</v>
      </c>
      <c r="AU27" s="15">
        <v>0</v>
      </c>
      <c r="AV27" s="15">
        <v>1872</v>
      </c>
      <c r="AW27" s="15">
        <v>0</v>
      </c>
      <c r="AX27" s="15">
        <v>0</v>
      </c>
      <c r="AY27" s="15">
        <v>5783</v>
      </c>
      <c r="AZ27" s="15">
        <v>0</v>
      </c>
      <c r="BA27" s="15">
        <v>0</v>
      </c>
      <c r="BB27" s="15">
        <v>5783</v>
      </c>
      <c r="BC27" s="15">
        <v>0</v>
      </c>
      <c r="BD27" s="15">
        <v>42388</v>
      </c>
      <c r="BE27" s="15">
        <v>0</v>
      </c>
      <c r="BF27" s="15">
        <v>0</v>
      </c>
      <c r="BG27" s="15">
        <v>0</v>
      </c>
      <c r="BH27" s="15">
        <v>281309</v>
      </c>
      <c r="BI27" s="15">
        <v>142228</v>
      </c>
      <c r="BJ27" s="15">
        <v>139081</v>
      </c>
      <c r="BK27" s="15">
        <v>241229</v>
      </c>
      <c r="BL27" s="15">
        <v>315527</v>
      </c>
      <c r="BM27" s="15">
        <v>243442</v>
      </c>
      <c r="BN27" s="15">
        <v>0</v>
      </c>
      <c r="BO27" s="15">
        <v>762993</v>
      </c>
      <c r="BP27" s="15">
        <v>446085</v>
      </c>
      <c r="BQ27" s="15">
        <v>105808</v>
      </c>
      <c r="BR27" s="15">
        <v>136071</v>
      </c>
      <c r="BS27" s="15">
        <v>60621</v>
      </c>
      <c r="BT27" s="15">
        <v>0</v>
      </c>
      <c r="BU27" s="15">
        <v>0</v>
      </c>
      <c r="BV27" s="15">
        <v>19745</v>
      </c>
      <c r="BW27" s="15">
        <v>0</v>
      </c>
      <c r="BX27" s="15">
        <v>0</v>
      </c>
      <c r="BY27" s="15">
        <v>19745</v>
      </c>
      <c r="BZ27" s="15">
        <v>0</v>
      </c>
      <c r="CA27" s="15">
        <v>0</v>
      </c>
      <c r="CB27" s="15">
        <v>485</v>
      </c>
      <c r="CC27" s="15">
        <v>123355</v>
      </c>
      <c r="CD27" s="15">
        <v>316908</v>
      </c>
      <c r="CE27" s="15">
        <v>0</v>
      </c>
      <c r="CF27" s="15">
        <v>0</v>
      </c>
      <c r="CG27" s="15">
        <v>0</v>
      </c>
      <c r="CH27" s="15">
        <v>316908</v>
      </c>
      <c r="CI27" s="15">
        <v>24347</v>
      </c>
      <c r="CJ27" s="15">
        <v>21900</v>
      </c>
      <c r="CK27" s="15">
        <v>2447</v>
      </c>
      <c r="CL27" s="15">
        <v>1529</v>
      </c>
      <c r="CM27" s="15">
        <v>0</v>
      </c>
      <c r="CN27" s="15">
        <v>918</v>
      </c>
      <c r="CO27" s="15">
        <v>33839</v>
      </c>
      <c r="CP27" s="15">
        <v>17404</v>
      </c>
      <c r="CQ27" s="15">
        <v>14100</v>
      </c>
      <c r="CR27" s="15">
        <v>2335</v>
      </c>
      <c r="CS27" s="15">
        <v>734208</v>
      </c>
      <c r="CT27" s="15">
        <v>823688</v>
      </c>
      <c r="CU27" s="15">
        <v>795591</v>
      </c>
      <c r="CV27" s="15">
        <v>28097</v>
      </c>
      <c r="CW27" s="15">
        <v>105229</v>
      </c>
      <c r="CX27" s="15">
        <v>7942</v>
      </c>
      <c r="CY27" s="15">
        <v>3121</v>
      </c>
      <c r="CZ27" s="15">
        <v>0</v>
      </c>
      <c r="DA27" s="15">
        <v>28424</v>
      </c>
      <c r="DB27" s="15">
        <v>0</v>
      </c>
      <c r="DC27" s="15">
        <v>0</v>
      </c>
      <c r="DD27" s="15">
        <v>0</v>
      </c>
      <c r="DE27" s="15">
        <v>0</v>
      </c>
      <c r="DF27" s="15">
        <v>65742</v>
      </c>
      <c r="DG27" s="15">
        <v>0</v>
      </c>
      <c r="DH27" s="15">
        <v>0</v>
      </c>
      <c r="DI27" s="15">
        <v>65742</v>
      </c>
      <c r="DJ27" s="15">
        <v>215000</v>
      </c>
      <c r="DK27" s="15">
        <v>12392842</v>
      </c>
    </row>
    <row r="28" spans="1:115" s="13" customFormat="1" ht="17.25" customHeight="1">
      <c r="A28" s="6" t="s">
        <v>189</v>
      </c>
      <c r="B28" s="15">
        <v>3409441</v>
      </c>
      <c r="C28" s="15">
        <v>61057</v>
      </c>
      <c r="D28" s="15">
        <v>14559</v>
      </c>
      <c r="E28" s="15">
        <v>0</v>
      </c>
      <c r="F28" s="15">
        <v>0</v>
      </c>
      <c r="G28" s="15">
        <v>0</v>
      </c>
      <c r="H28" s="15">
        <v>43582</v>
      </c>
      <c r="I28" s="15">
        <v>0</v>
      </c>
      <c r="J28" s="15">
        <v>2916</v>
      </c>
      <c r="K28" s="15">
        <v>1528</v>
      </c>
      <c r="L28" s="15">
        <v>30730</v>
      </c>
      <c r="M28" s="15">
        <v>23519</v>
      </c>
      <c r="N28" s="15">
        <v>0</v>
      </c>
      <c r="O28" s="15">
        <v>578237</v>
      </c>
      <c r="P28" s="15">
        <v>7848</v>
      </c>
      <c r="Q28" s="15">
        <v>129</v>
      </c>
      <c r="R28" s="15">
        <v>0</v>
      </c>
      <c r="S28" s="15">
        <v>13515</v>
      </c>
      <c r="T28" s="15">
        <v>27353</v>
      </c>
      <c r="U28" s="15">
        <v>26759</v>
      </c>
      <c r="V28" s="15">
        <v>1960930</v>
      </c>
      <c r="W28" s="15">
        <v>1858359</v>
      </c>
      <c r="X28" s="24">
        <v>102571</v>
      </c>
      <c r="Y28" s="15">
        <v>0</v>
      </c>
      <c r="Z28" s="15">
        <v>3018</v>
      </c>
      <c r="AA28" s="15">
        <v>104659</v>
      </c>
      <c r="AB28" s="15">
        <v>57882</v>
      </c>
      <c r="AC28" s="15">
        <v>46777</v>
      </c>
      <c r="AD28" s="15">
        <v>117761</v>
      </c>
      <c r="AE28" s="15">
        <v>0</v>
      </c>
      <c r="AF28" s="15">
        <v>0</v>
      </c>
      <c r="AG28" s="15">
        <v>0</v>
      </c>
      <c r="AH28" s="15">
        <v>0</v>
      </c>
      <c r="AI28" s="15">
        <v>8349</v>
      </c>
      <c r="AJ28" s="15">
        <v>0</v>
      </c>
      <c r="AK28" s="15">
        <v>109412</v>
      </c>
      <c r="AL28" s="15">
        <v>49012</v>
      </c>
      <c r="AM28" s="15">
        <v>4637</v>
      </c>
      <c r="AN28" s="15">
        <v>44375</v>
      </c>
      <c r="AO28" s="15">
        <v>1747112</v>
      </c>
      <c r="AP28" s="15">
        <v>0</v>
      </c>
      <c r="AQ28" s="15">
        <v>0</v>
      </c>
      <c r="AR28" s="15">
        <v>235392</v>
      </c>
      <c r="AS28" s="15">
        <v>264813</v>
      </c>
      <c r="AT28" s="15">
        <v>209584</v>
      </c>
      <c r="AU28" s="15">
        <v>0</v>
      </c>
      <c r="AV28" s="15">
        <v>0</v>
      </c>
      <c r="AW28" s="15">
        <v>0</v>
      </c>
      <c r="AX28" s="15">
        <v>0</v>
      </c>
      <c r="AY28" s="15">
        <v>6331</v>
      </c>
      <c r="AZ28" s="15">
        <v>0</v>
      </c>
      <c r="BA28" s="15">
        <v>0</v>
      </c>
      <c r="BB28" s="15">
        <v>6331</v>
      </c>
      <c r="BC28" s="15">
        <v>0</v>
      </c>
      <c r="BD28" s="15">
        <v>92355</v>
      </c>
      <c r="BE28" s="15">
        <v>0</v>
      </c>
      <c r="BF28" s="15">
        <v>0</v>
      </c>
      <c r="BG28" s="15">
        <v>0</v>
      </c>
      <c r="BH28" s="15">
        <v>277506</v>
      </c>
      <c r="BI28" s="15">
        <v>138343</v>
      </c>
      <c r="BJ28" s="15">
        <v>139163</v>
      </c>
      <c r="BK28" s="15">
        <v>202027</v>
      </c>
      <c r="BL28" s="15">
        <v>295080</v>
      </c>
      <c r="BM28" s="15">
        <v>164024</v>
      </c>
      <c r="BN28" s="15">
        <v>0</v>
      </c>
      <c r="BO28" s="15">
        <v>700628</v>
      </c>
      <c r="BP28" s="15">
        <v>434611</v>
      </c>
      <c r="BQ28" s="15">
        <v>104127</v>
      </c>
      <c r="BR28" s="15">
        <v>129802</v>
      </c>
      <c r="BS28" s="15">
        <v>47217</v>
      </c>
      <c r="BT28" s="15">
        <v>0</v>
      </c>
      <c r="BU28" s="15">
        <v>0</v>
      </c>
      <c r="BV28" s="15">
        <v>18802</v>
      </c>
      <c r="BW28" s="15">
        <v>0</v>
      </c>
      <c r="BX28" s="15">
        <v>0</v>
      </c>
      <c r="BY28" s="15">
        <v>18802</v>
      </c>
      <c r="BZ28" s="15">
        <v>0</v>
      </c>
      <c r="CA28" s="15">
        <v>0</v>
      </c>
      <c r="CB28" s="15">
        <v>11</v>
      </c>
      <c r="CC28" s="15">
        <v>134652</v>
      </c>
      <c r="CD28" s="15">
        <v>266017</v>
      </c>
      <c r="CE28" s="15">
        <v>0</v>
      </c>
      <c r="CF28" s="15">
        <v>0</v>
      </c>
      <c r="CG28" s="15">
        <v>0</v>
      </c>
      <c r="CH28" s="15">
        <v>266017</v>
      </c>
      <c r="CI28" s="15">
        <v>18719</v>
      </c>
      <c r="CJ28" s="15">
        <v>16378</v>
      </c>
      <c r="CK28" s="15">
        <v>2341</v>
      </c>
      <c r="CL28" s="15">
        <v>0</v>
      </c>
      <c r="CM28" s="15">
        <v>0</v>
      </c>
      <c r="CN28" s="15">
        <v>2341</v>
      </c>
      <c r="CO28" s="15">
        <v>4818</v>
      </c>
      <c r="CP28" s="15">
        <v>1776</v>
      </c>
      <c r="CQ28" s="15">
        <v>1000</v>
      </c>
      <c r="CR28" s="15">
        <v>2042</v>
      </c>
      <c r="CS28" s="15">
        <v>297617</v>
      </c>
      <c r="CT28" s="15">
        <v>564721</v>
      </c>
      <c r="CU28" s="15">
        <v>522458</v>
      </c>
      <c r="CV28" s="15">
        <v>42263</v>
      </c>
      <c r="CW28" s="15">
        <v>77125</v>
      </c>
      <c r="CX28" s="15">
        <v>5241</v>
      </c>
      <c r="CY28" s="15">
        <v>2</v>
      </c>
      <c r="CZ28" s="15">
        <v>0</v>
      </c>
      <c r="DA28" s="15">
        <v>25000</v>
      </c>
      <c r="DB28" s="15">
        <v>0</v>
      </c>
      <c r="DC28" s="15">
        <v>0</v>
      </c>
      <c r="DD28" s="15">
        <v>0</v>
      </c>
      <c r="DE28" s="15">
        <v>0</v>
      </c>
      <c r="DF28" s="15">
        <v>46882</v>
      </c>
      <c r="DG28" s="15">
        <v>0</v>
      </c>
      <c r="DH28" s="15">
        <v>0</v>
      </c>
      <c r="DI28" s="15">
        <v>46882</v>
      </c>
      <c r="DJ28" s="15">
        <v>303400</v>
      </c>
      <c r="DK28" s="15">
        <v>10129636</v>
      </c>
    </row>
    <row r="29" spans="1:115" s="13" customFormat="1" ht="17.25" customHeight="1">
      <c r="A29" s="6" t="s">
        <v>190</v>
      </c>
      <c r="B29" s="15">
        <v>2574724</v>
      </c>
      <c r="C29" s="15">
        <v>39232</v>
      </c>
      <c r="D29" s="15">
        <v>9326</v>
      </c>
      <c r="E29" s="15">
        <v>0</v>
      </c>
      <c r="F29" s="15">
        <v>0</v>
      </c>
      <c r="G29" s="15">
        <v>0</v>
      </c>
      <c r="H29" s="15">
        <v>27916</v>
      </c>
      <c r="I29" s="15">
        <v>0</v>
      </c>
      <c r="J29" s="15">
        <v>1990</v>
      </c>
      <c r="K29" s="15">
        <v>410</v>
      </c>
      <c r="L29" s="15">
        <v>8268</v>
      </c>
      <c r="M29" s="15">
        <v>6335</v>
      </c>
      <c r="N29" s="15">
        <v>0</v>
      </c>
      <c r="O29" s="15">
        <v>271713</v>
      </c>
      <c r="P29" s="15">
        <v>33254</v>
      </c>
      <c r="Q29" s="15">
        <v>83</v>
      </c>
      <c r="R29" s="15">
        <v>0</v>
      </c>
      <c r="S29" s="15">
        <v>8666</v>
      </c>
      <c r="T29" s="15">
        <v>64420</v>
      </c>
      <c r="U29" s="15">
        <v>6818</v>
      </c>
      <c r="V29" s="15">
        <v>177413</v>
      </c>
      <c r="W29" s="15">
        <v>146037</v>
      </c>
      <c r="X29" s="24">
        <v>31376</v>
      </c>
      <c r="Y29" s="15">
        <v>0</v>
      </c>
      <c r="Z29" s="15">
        <v>1812</v>
      </c>
      <c r="AA29" s="15">
        <v>12041</v>
      </c>
      <c r="AB29" s="15">
        <v>692</v>
      </c>
      <c r="AC29" s="15">
        <v>11349</v>
      </c>
      <c r="AD29" s="15">
        <v>40322</v>
      </c>
      <c r="AE29" s="15">
        <v>0</v>
      </c>
      <c r="AF29" s="15">
        <v>0</v>
      </c>
      <c r="AG29" s="15">
        <v>0</v>
      </c>
      <c r="AH29" s="15">
        <v>0</v>
      </c>
      <c r="AI29" s="15">
        <v>5846</v>
      </c>
      <c r="AJ29" s="15">
        <v>1467</v>
      </c>
      <c r="AK29" s="15">
        <v>33009</v>
      </c>
      <c r="AL29" s="15">
        <v>5688</v>
      </c>
      <c r="AM29" s="15">
        <v>2771</v>
      </c>
      <c r="AN29" s="15">
        <v>2917</v>
      </c>
      <c r="AO29" s="15">
        <v>520886</v>
      </c>
      <c r="AP29" s="15">
        <v>0</v>
      </c>
      <c r="AQ29" s="15">
        <v>0</v>
      </c>
      <c r="AR29" s="15">
        <v>40184</v>
      </c>
      <c r="AS29" s="15">
        <v>96667</v>
      </c>
      <c r="AT29" s="15">
        <v>69525</v>
      </c>
      <c r="AU29" s="15">
        <v>0</v>
      </c>
      <c r="AV29" s="15">
        <v>0</v>
      </c>
      <c r="AW29" s="15">
        <v>0</v>
      </c>
      <c r="AX29" s="15">
        <v>0</v>
      </c>
      <c r="AY29" s="15">
        <v>2524</v>
      </c>
      <c r="AZ29" s="15">
        <v>0</v>
      </c>
      <c r="BA29" s="15">
        <v>0</v>
      </c>
      <c r="BB29" s="15">
        <v>2524</v>
      </c>
      <c r="BC29" s="15">
        <v>0</v>
      </c>
      <c r="BD29" s="15">
        <v>23156</v>
      </c>
      <c r="BE29" s="15">
        <v>0</v>
      </c>
      <c r="BF29" s="15">
        <v>0</v>
      </c>
      <c r="BG29" s="15">
        <v>2212</v>
      </c>
      <c r="BH29" s="15">
        <v>92411</v>
      </c>
      <c r="BI29" s="15">
        <v>43068</v>
      </c>
      <c r="BJ29" s="15">
        <v>49343</v>
      </c>
      <c r="BK29" s="15">
        <v>48018</v>
      </c>
      <c r="BL29" s="15">
        <v>104106</v>
      </c>
      <c r="BM29" s="15">
        <v>42083</v>
      </c>
      <c r="BN29" s="15">
        <v>0</v>
      </c>
      <c r="BO29" s="15">
        <v>296360</v>
      </c>
      <c r="BP29" s="15">
        <v>139079</v>
      </c>
      <c r="BQ29" s="15">
        <v>17804</v>
      </c>
      <c r="BR29" s="15">
        <v>47712</v>
      </c>
      <c r="BS29" s="15">
        <v>15920</v>
      </c>
      <c r="BT29" s="15">
        <v>13838</v>
      </c>
      <c r="BU29" s="15">
        <v>0</v>
      </c>
      <c r="BV29" s="15">
        <v>7614</v>
      </c>
      <c r="BW29" s="15">
        <v>0</v>
      </c>
      <c r="BX29" s="15">
        <v>0</v>
      </c>
      <c r="BY29" s="15">
        <v>7614</v>
      </c>
      <c r="BZ29" s="15">
        <v>0</v>
      </c>
      <c r="CA29" s="15">
        <v>0</v>
      </c>
      <c r="CB29" s="15">
        <v>0</v>
      </c>
      <c r="CC29" s="15">
        <v>36191</v>
      </c>
      <c r="CD29" s="15">
        <v>157281</v>
      </c>
      <c r="CE29" s="15">
        <v>0</v>
      </c>
      <c r="CF29" s="15">
        <v>0</v>
      </c>
      <c r="CG29" s="15">
        <v>0</v>
      </c>
      <c r="CH29" s="15">
        <v>157281</v>
      </c>
      <c r="CI29" s="15">
        <v>1503</v>
      </c>
      <c r="CJ29" s="15">
        <v>1020</v>
      </c>
      <c r="CK29" s="15">
        <v>483</v>
      </c>
      <c r="CL29" s="15">
        <v>451</v>
      </c>
      <c r="CM29" s="15">
        <v>0</v>
      </c>
      <c r="CN29" s="15">
        <v>32</v>
      </c>
      <c r="CO29" s="15">
        <v>107919</v>
      </c>
      <c r="CP29" s="15">
        <v>107466</v>
      </c>
      <c r="CQ29" s="15">
        <v>0</v>
      </c>
      <c r="CR29" s="15">
        <v>453</v>
      </c>
      <c r="CS29" s="15">
        <v>0</v>
      </c>
      <c r="CT29" s="15">
        <v>312022</v>
      </c>
      <c r="CU29" s="15">
        <v>290683</v>
      </c>
      <c r="CV29" s="15">
        <v>21339</v>
      </c>
      <c r="CW29" s="15">
        <v>111177</v>
      </c>
      <c r="CX29" s="15">
        <v>868</v>
      </c>
      <c r="CY29" s="15">
        <v>14</v>
      </c>
      <c r="CZ29" s="15">
        <v>0</v>
      </c>
      <c r="DA29" s="15">
        <v>19800</v>
      </c>
      <c r="DB29" s="15">
        <v>11833</v>
      </c>
      <c r="DC29" s="15">
        <v>11833</v>
      </c>
      <c r="DD29" s="15">
        <v>0</v>
      </c>
      <c r="DE29" s="15">
        <v>0</v>
      </c>
      <c r="DF29" s="15">
        <v>78662</v>
      </c>
      <c r="DG29" s="15">
        <v>0</v>
      </c>
      <c r="DH29" s="15">
        <v>0</v>
      </c>
      <c r="DI29" s="15">
        <v>78662</v>
      </c>
      <c r="DJ29" s="15">
        <v>0</v>
      </c>
      <c r="DK29" s="15">
        <v>4601066</v>
      </c>
    </row>
    <row r="30" spans="1:115" s="13" customFormat="1" ht="17.25" customHeight="1">
      <c r="A30" s="6" t="s">
        <v>191</v>
      </c>
      <c r="B30" s="15">
        <v>2701445</v>
      </c>
      <c r="C30" s="15">
        <v>47172</v>
      </c>
      <c r="D30" s="15">
        <v>11154</v>
      </c>
      <c r="E30" s="15">
        <v>0</v>
      </c>
      <c r="F30" s="15">
        <v>0</v>
      </c>
      <c r="G30" s="15">
        <v>0</v>
      </c>
      <c r="H30" s="15">
        <v>33388</v>
      </c>
      <c r="I30" s="15">
        <v>0</v>
      </c>
      <c r="J30" s="15">
        <v>2630</v>
      </c>
      <c r="K30" s="15">
        <v>766</v>
      </c>
      <c r="L30" s="15">
        <v>15463</v>
      </c>
      <c r="M30" s="15">
        <v>11876</v>
      </c>
      <c r="N30" s="15">
        <v>0</v>
      </c>
      <c r="O30" s="15">
        <v>398414</v>
      </c>
      <c r="P30" s="15">
        <v>0</v>
      </c>
      <c r="Q30" s="15">
        <v>99</v>
      </c>
      <c r="R30" s="15">
        <v>0</v>
      </c>
      <c r="S30" s="15">
        <v>10342</v>
      </c>
      <c r="T30" s="15">
        <v>33289</v>
      </c>
      <c r="U30" s="15">
        <v>25585</v>
      </c>
      <c r="V30" s="15">
        <v>1035123</v>
      </c>
      <c r="W30" s="15">
        <v>985351</v>
      </c>
      <c r="X30" s="24">
        <v>49772</v>
      </c>
      <c r="Y30" s="15">
        <v>0</v>
      </c>
      <c r="Z30" s="15">
        <v>3058</v>
      </c>
      <c r="AA30" s="15">
        <v>21967</v>
      </c>
      <c r="AB30" s="15">
        <v>414</v>
      </c>
      <c r="AC30" s="15">
        <v>21553</v>
      </c>
      <c r="AD30" s="15">
        <v>39159</v>
      </c>
      <c r="AE30" s="15">
        <v>344</v>
      </c>
      <c r="AF30" s="15">
        <v>0</v>
      </c>
      <c r="AG30" s="15">
        <v>344</v>
      </c>
      <c r="AH30" s="15">
        <v>0</v>
      </c>
      <c r="AI30" s="15">
        <v>5268</v>
      </c>
      <c r="AJ30" s="15">
        <v>6250</v>
      </c>
      <c r="AK30" s="15">
        <v>27297</v>
      </c>
      <c r="AL30" s="15">
        <v>9621</v>
      </c>
      <c r="AM30" s="15">
        <v>2730</v>
      </c>
      <c r="AN30" s="15">
        <v>6891</v>
      </c>
      <c r="AO30" s="15">
        <v>1281830</v>
      </c>
      <c r="AP30" s="15">
        <v>0</v>
      </c>
      <c r="AQ30" s="15">
        <v>0</v>
      </c>
      <c r="AR30" s="15">
        <v>165186</v>
      </c>
      <c r="AS30" s="15">
        <v>117664</v>
      </c>
      <c r="AT30" s="15">
        <v>173147</v>
      </c>
      <c r="AU30" s="15">
        <v>0</v>
      </c>
      <c r="AV30" s="15">
        <v>0</v>
      </c>
      <c r="AW30" s="15">
        <v>0</v>
      </c>
      <c r="AX30" s="15">
        <v>0</v>
      </c>
      <c r="AY30" s="15">
        <v>3790</v>
      </c>
      <c r="AZ30" s="15">
        <v>0</v>
      </c>
      <c r="BA30" s="15">
        <v>0</v>
      </c>
      <c r="BB30" s="15">
        <v>3790</v>
      </c>
      <c r="BC30" s="15">
        <v>0</v>
      </c>
      <c r="BD30" s="15">
        <v>43668</v>
      </c>
      <c r="BE30" s="15">
        <v>0</v>
      </c>
      <c r="BF30" s="15">
        <v>0</v>
      </c>
      <c r="BG30" s="15">
        <v>5797</v>
      </c>
      <c r="BH30" s="15">
        <v>174718</v>
      </c>
      <c r="BI30" s="15">
        <v>81499</v>
      </c>
      <c r="BJ30" s="15">
        <v>93219</v>
      </c>
      <c r="BK30" s="15">
        <v>103603</v>
      </c>
      <c r="BL30" s="15">
        <v>448221</v>
      </c>
      <c r="BM30" s="15">
        <v>46036</v>
      </c>
      <c r="BN30" s="15">
        <v>0</v>
      </c>
      <c r="BO30" s="15">
        <v>432483</v>
      </c>
      <c r="BP30" s="15">
        <v>250770</v>
      </c>
      <c r="BQ30" s="15">
        <v>70228</v>
      </c>
      <c r="BR30" s="15">
        <v>60442</v>
      </c>
      <c r="BS30" s="15">
        <v>37694</v>
      </c>
      <c r="BT30" s="15">
        <v>0</v>
      </c>
      <c r="BU30" s="15">
        <v>0</v>
      </c>
      <c r="BV30" s="15">
        <v>10997</v>
      </c>
      <c r="BW30" s="15">
        <v>0</v>
      </c>
      <c r="BX30" s="15">
        <v>0</v>
      </c>
      <c r="BY30" s="15">
        <v>10997</v>
      </c>
      <c r="BZ30" s="15">
        <v>0</v>
      </c>
      <c r="CA30" s="15">
        <v>0</v>
      </c>
      <c r="CB30" s="15">
        <v>195</v>
      </c>
      <c r="CC30" s="15">
        <v>71214</v>
      </c>
      <c r="CD30" s="15">
        <v>181713</v>
      </c>
      <c r="CE30" s="15">
        <v>0</v>
      </c>
      <c r="CF30" s="15">
        <v>0</v>
      </c>
      <c r="CG30" s="15">
        <v>0</v>
      </c>
      <c r="CH30" s="15">
        <v>181713</v>
      </c>
      <c r="CI30" s="15">
        <v>14585</v>
      </c>
      <c r="CJ30" s="15">
        <v>14520</v>
      </c>
      <c r="CK30" s="15">
        <v>65</v>
      </c>
      <c r="CL30" s="15">
        <v>0</v>
      </c>
      <c r="CM30" s="15">
        <v>0</v>
      </c>
      <c r="CN30" s="15">
        <v>65</v>
      </c>
      <c r="CO30" s="15">
        <v>35287</v>
      </c>
      <c r="CP30" s="15">
        <v>34597</v>
      </c>
      <c r="CQ30" s="15">
        <v>0</v>
      </c>
      <c r="CR30" s="15">
        <v>690</v>
      </c>
      <c r="CS30" s="15">
        <v>16251</v>
      </c>
      <c r="CT30" s="15">
        <v>477906</v>
      </c>
      <c r="CU30" s="15">
        <v>475257</v>
      </c>
      <c r="CV30" s="15">
        <v>2649</v>
      </c>
      <c r="CW30" s="15">
        <v>78772</v>
      </c>
      <c r="CX30" s="15">
        <v>2284</v>
      </c>
      <c r="CY30" s="15">
        <v>5</v>
      </c>
      <c r="CZ30" s="15">
        <v>0</v>
      </c>
      <c r="DA30" s="15">
        <v>10742</v>
      </c>
      <c r="DB30" s="15">
        <v>17292</v>
      </c>
      <c r="DC30" s="15">
        <v>17292</v>
      </c>
      <c r="DD30" s="15">
        <v>0</v>
      </c>
      <c r="DE30" s="15">
        <v>0</v>
      </c>
      <c r="DF30" s="15">
        <v>48449</v>
      </c>
      <c r="DG30" s="15">
        <v>0</v>
      </c>
      <c r="DH30" s="15">
        <v>0</v>
      </c>
      <c r="DI30" s="15">
        <v>48449</v>
      </c>
      <c r="DJ30" s="15">
        <v>118000</v>
      </c>
      <c r="DK30" s="15">
        <v>6808493</v>
      </c>
    </row>
    <row r="31" spans="1:115" s="13" customFormat="1" ht="17.25" customHeight="1">
      <c r="A31" s="6" t="s">
        <v>192</v>
      </c>
      <c r="B31" s="15">
        <v>1543471</v>
      </c>
      <c r="C31" s="15">
        <v>31517</v>
      </c>
      <c r="D31" s="15">
        <v>6555</v>
      </c>
      <c r="E31" s="15">
        <v>0</v>
      </c>
      <c r="F31" s="15">
        <v>0</v>
      </c>
      <c r="G31" s="15">
        <v>0</v>
      </c>
      <c r="H31" s="15">
        <v>19624</v>
      </c>
      <c r="I31" s="15">
        <v>0</v>
      </c>
      <c r="J31" s="15">
        <v>5338</v>
      </c>
      <c r="K31" s="15">
        <v>503</v>
      </c>
      <c r="L31" s="15">
        <v>10139</v>
      </c>
      <c r="M31" s="15">
        <v>7772</v>
      </c>
      <c r="N31" s="15">
        <v>0</v>
      </c>
      <c r="O31" s="15">
        <v>251378</v>
      </c>
      <c r="P31" s="15">
        <v>53241</v>
      </c>
      <c r="Q31" s="15">
        <v>58</v>
      </c>
      <c r="R31" s="15">
        <v>0</v>
      </c>
      <c r="S31" s="15">
        <v>6079</v>
      </c>
      <c r="T31" s="15">
        <v>23119</v>
      </c>
      <c r="U31" s="15">
        <v>9870</v>
      </c>
      <c r="V31" s="15">
        <v>1304482</v>
      </c>
      <c r="W31" s="15">
        <v>1204331</v>
      </c>
      <c r="X31" s="24">
        <v>100151</v>
      </c>
      <c r="Y31" s="15">
        <v>0</v>
      </c>
      <c r="Z31" s="15">
        <v>1565</v>
      </c>
      <c r="AA31" s="15">
        <v>23460</v>
      </c>
      <c r="AB31" s="15">
        <v>7761</v>
      </c>
      <c r="AC31" s="15">
        <v>15699</v>
      </c>
      <c r="AD31" s="15">
        <v>109648</v>
      </c>
      <c r="AE31" s="15">
        <v>200</v>
      </c>
      <c r="AF31" s="15">
        <v>0</v>
      </c>
      <c r="AG31" s="15">
        <v>200</v>
      </c>
      <c r="AH31" s="15">
        <v>0</v>
      </c>
      <c r="AI31" s="15">
        <v>0</v>
      </c>
      <c r="AJ31" s="15">
        <v>31237</v>
      </c>
      <c r="AK31" s="15">
        <v>78211</v>
      </c>
      <c r="AL31" s="15">
        <v>8343</v>
      </c>
      <c r="AM31" s="15">
        <v>2339</v>
      </c>
      <c r="AN31" s="15">
        <v>6004</v>
      </c>
      <c r="AO31" s="15">
        <v>845954</v>
      </c>
      <c r="AP31" s="15">
        <v>0</v>
      </c>
      <c r="AQ31" s="15">
        <v>0</v>
      </c>
      <c r="AR31" s="15">
        <v>85089</v>
      </c>
      <c r="AS31" s="15">
        <v>143472</v>
      </c>
      <c r="AT31" s="15">
        <v>76625</v>
      </c>
      <c r="AU31" s="15">
        <v>0</v>
      </c>
      <c r="AV31" s="15">
        <v>0</v>
      </c>
      <c r="AW31" s="15">
        <v>0</v>
      </c>
      <c r="AX31" s="15">
        <v>0</v>
      </c>
      <c r="AY31" s="15">
        <v>3773</v>
      </c>
      <c r="AZ31" s="15">
        <v>0</v>
      </c>
      <c r="BA31" s="15">
        <v>0</v>
      </c>
      <c r="BB31" s="15">
        <v>3773</v>
      </c>
      <c r="BC31" s="15">
        <v>0</v>
      </c>
      <c r="BD31" s="15">
        <v>23297</v>
      </c>
      <c r="BE31" s="15">
        <v>0</v>
      </c>
      <c r="BF31" s="15">
        <v>0</v>
      </c>
      <c r="BG31" s="15">
        <v>10215</v>
      </c>
      <c r="BH31" s="15">
        <v>139181</v>
      </c>
      <c r="BI31" s="15">
        <v>75358</v>
      </c>
      <c r="BJ31" s="15">
        <v>63823</v>
      </c>
      <c r="BK31" s="15">
        <v>70028</v>
      </c>
      <c r="BL31" s="15">
        <v>67647</v>
      </c>
      <c r="BM31" s="15">
        <v>226627</v>
      </c>
      <c r="BN31" s="15">
        <v>0</v>
      </c>
      <c r="BO31" s="15">
        <v>369089</v>
      </c>
      <c r="BP31" s="15">
        <v>189909</v>
      </c>
      <c r="BQ31" s="15">
        <v>37080</v>
      </c>
      <c r="BR31" s="15">
        <v>71737</v>
      </c>
      <c r="BS31" s="15">
        <v>16289</v>
      </c>
      <c r="BT31" s="15">
        <v>771</v>
      </c>
      <c r="BU31" s="15">
        <v>0</v>
      </c>
      <c r="BV31" s="15">
        <v>10230</v>
      </c>
      <c r="BW31" s="15">
        <v>0</v>
      </c>
      <c r="BX31" s="15">
        <v>0</v>
      </c>
      <c r="BY31" s="15">
        <v>10230</v>
      </c>
      <c r="BZ31" s="15">
        <v>0</v>
      </c>
      <c r="CA31" s="15">
        <v>0</v>
      </c>
      <c r="CB31" s="15">
        <v>200</v>
      </c>
      <c r="CC31" s="15">
        <v>53602</v>
      </c>
      <c r="CD31" s="15">
        <v>179180</v>
      </c>
      <c r="CE31" s="15">
        <v>0</v>
      </c>
      <c r="CF31" s="15">
        <v>0</v>
      </c>
      <c r="CG31" s="15">
        <v>0</v>
      </c>
      <c r="CH31" s="15">
        <v>179180</v>
      </c>
      <c r="CI31" s="15">
        <v>51582</v>
      </c>
      <c r="CJ31" s="15">
        <v>50216</v>
      </c>
      <c r="CK31" s="15">
        <v>1366</v>
      </c>
      <c r="CL31" s="15">
        <v>0</v>
      </c>
      <c r="CM31" s="15">
        <v>0</v>
      </c>
      <c r="CN31" s="15">
        <v>1366</v>
      </c>
      <c r="CO31" s="15">
        <v>102723</v>
      </c>
      <c r="CP31" s="15">
        <v>100623</v>
      </c>
      <c r="CQ31" s="15">
        <v>2100</v>
      </c>
      <c r="CR31" s="15">
        <v>0</v>
      </c>
      <c r="CS31" s="15">
        <v>160180</v>
      </c>
      <c r="CT31" s="15">
        <v>325978</v>
      </c>
      <c r="CU31" s="15">
        <v>304984</v>
      </c>
      <c r="CV31" s="15">
        <v>20994</v>
      </c>
      <c r="CW31" s="15">
        <v>113146</v>
      </c>
      <c r="CX31" s="15">
        <v>1083</v>
      </c>
      <c r="CY31" s="15">
        <v>2</v>
      </c>
      <c r="CZ31" s="15">
        <v>0</v>
      </c>
      <c r="DA31" s="15">
        <v>5000</v>
      </c>
      <c r="DB31" s="15">
        <v>63</v>
      </c>
      <c r="DC31" s="15">
        <v>0</v>
      </c>
      <c r="DD31" s="15">
        <v>63</v>
      </c>
      <c r="DE31" s="15">
        <v>0</v>
      </c>
      <c r="DF31" s="15">
        <v>106998</v>
      </c>
      <c r="DG31" s="15">
        <v>6253</v>
      </c>
      <c r="DH31" s="15">
        <v>0</v>
      </c>
      <c r="DI31" s="15">
        <v>100745</v>
      </c>
      <c r="DJ31" s="15">
        <v>380400</v>
      </c>
      <c r="DK31" s="15">
        <v>5733697</v>
      </c>
    </row>
    <row r="32" spans="1:115" s="13" customFormat="1" ht="17.25" customHeight="1">
      <c r="A32" s="6" t="s">
        <v>193</v>
      </c>
      <c r="B32" s="15">
        <v>1634180</v>
      </c>
      <c r="C32" s="15">
        <v>49470</v>
      </c>
      <c r="D32" s="15">
        <v>8067</v>
      </c>
      <c r="E32" s="15">
        <v>0</v>
      </c>
      <c r="F32" s="15">
        <v>0</v>
      </c>
      <c r="G32" s="15">
        <v>0</v>
      </c>
      <c r="H32" s="15">
        <v>24147</v>
      </c>
      <c r="I32" s="15">
        <v>0</v>
      </c>
      <c r="J32" s="15">
        <v>17256</v>
      </c>
      <c r="K32" s="15">
        <v>414</v>
      </c>
      <c r="L32" s="15">
        <v>8308</v>
      </c>
      <c r="M32" s="15">
        <v>6325</v>
      </c>
      <c r="N32" s="15">
        <v>0</v>
      </c>
      <c r="O32" s="15">
        <v>242891</v>
      </c>
      <c r="P32" s="15">
        <v>15390</v>
      </c>
      <c r="Q32" s="15">
        <v>71</v>
      </c>
      <c r="R32" s="15">
        <v>0</v>
      </c>
      <c r="S32" s="15">
        <v>7480</v>
      </c>
      <c r="T32" s="15">
        <v>29660</v>
      </c>
      <c r="U32" s="15">
        <v>6640</v>
      </c>
      <c r="V32" s="15">
        <v>1741420</v>
      </c>
      <c r="W32" s="15">
        <v>1581715</v>
      </c>
      <c r="X32" s="24">
        <v>159705</v>
      </c>
      <c r="Y32" s="15">
        <v>0</v>
      </c>
      <c r="Z32" s="15">
        <v>1844</v>
      </c>
      <c r="AA32" s="15">
        <v>31762</v>
      </c>
      <c r="AB32" s="15">
        <v>31591</v>
      </c>
      <c r="AC32" s="15">
        <v>171</v>
      </c>
      <c r="AD32" s="15">
        <v>138888</v>
      </c>
      <c r="AE32" s="15">
        <v>61</v>
      </c>
      <c r="AF32" s="15">
        <v>0</v>
      </c>
      <c r="AG32" s="15">
        <v>61</v>
      </c>
      <c r="AH32" s="15">
        <v>0</v>
      </c>
      <c r="AI32" s="15">
        <v>8423</v>
      </c>
      <c r="AJ32" s="15">
        <v>70393</v>
      </c>
      <c r="AK32" s="15">
        <v>60011</v>
      </c>
      <c r="AL32" s="15">
        <v>14833</v>
      </c>
      <c r="AM32" s="15">
        <v>3217</v>
      </c>
      <c r="AN32" s="15">
        <v>11616</v>
      </c>
      <c r="AO32" s="15">
        <v>856323</v>
      </c>
      <c r="AP32" s="15">
        <v>0</v>
      </c>
      <c r="AQ32" s="15">
        <v>0</v>
      </c>
      <c r="AR32" s="15">
        <v>18669</v>
      </c>
      <c r="AS32" s="15">
        <v>137478</v>
      </c>
      <c r="AT32" s="15">
        <v>63688</v>
      </c>
      <c r="AU32" s="15">
        <v>0</v>
      </c>
      <c r="AV32" s="15">
        <v>0</v>
      </c>
      <c r="AW32" s="15">
        <v>0</v>
      </c>
      <c r="AX32" s="15">
        <v>0</v>
      </c>
      <c r="AY32" s="15">
        <v>2683</v>
      </c>
      <c r="AZ32" s="15">
        <v>0</v>
      </c>
      <c r="BA32" s="15">
        <v>0</v>
      </c>
      <c r="BB32" s="15">
        <v>2683</v>
      </c>
      <c r="BC32" s="15">
        <v>0</v>
      </c>
      <c r="BD32" s="15">
        <v>285185</v>
      </c>
      <c r="BE32" s="15">
        <v>0</v>
      </c>
      <c r="BF32" s="15">
        <v>0</v>
      </c>
      <c r="BG32" s="15">
        <v>600</v>
      </c>
      <c r="BH32" s="15">
        <v>175370</v>
      </c>
      <c r="BI32" s="15">
        <v>75545</v>
      </c>
      <c r="BJ32" s="15">
        <v>99825</v>
      </c>
      <c r="BK32" s="15">
        <v>59209</v>
      </c>
      <c r="BL32" s="15">
        <v>69914</v>
      </c>
      <c r="BM32" s="15">
        <v>43527</v>
      </c>
      <c r="BN32" s="15">
        <v>0</v>
      </c>
      <c r="BO32" s="15">
        <v>320286</v>
      </c>
      <c r="BP32" s="15">
        <v>150080</v>
      </c>
      <c r="BQ32" s="15">
        <v>8691</v>
      </c>
      <c r="BR32" s="15">
        <v>68328</v>
      </c>
      <c r="BS32" s="15">
        <v>14571</v>
      </c>
      <c r="BT32" s="15">
        <v>0</v>
      </c>
      <c r="BU32" s="15">
        <v>0</v>
      </c>
      <c r="BV32" s="15">
        <v>11690</v>
      </c>
      <c r="BW32" s="15">
        <v>0</v>
      </c>
      <c r="BX32" s="15">
        <v>0</v>
      </c>
      <c r="BY32" s="15">
        <v>11690</v>
      </c>
      <c r="BZ32" s="15">
        <v>11181</v>
      </c>
      <c r="CA32" s="15">
        <v>0</v>
      </c>
      <c r="CB32" s="15">
        <v>0</v>
      </c>
      <c r="CC32" s="15">
        <v>35619</v>
      </c>
      <c r="CD32" s="15">
        <v>170206</v>
      </c>
      <c r="CE32" s="15">
        <v>0</v>
      </c>
      <c r="CF32" s="15">
        <v>0</v>
      </c>
      <c r="CG32" s="15">
        <v>0</v>
      </c>
      <c r="CH32" s="15">
        <v>170206</v>
      </c>
      <c r="CI32" s="15">
        <v>61617</v>
      </c>
      <c r="CJ32" s="15">
        <v>44590</v>
      </c>
      <c r="CK32" s="15">
        <v>17027</v>
      </c>
      <c r="CL32" s="15">
        <v>16998</v>
      </c>
      <c r="CM32" s="15">
        <v>0</v>
      </c>
      <c r="CN32" s="15">
        <v>29</v>
      </c>
      <c r="CO32" s="15">
        <v>717303</v>
      </c>
      <c r="CP32" s="15">
        <v>716331</v>
      </c>
      <c r="CQ32" s="15">
        <v>0</v>
      </c>
      <c r="CR32" s="15">
        <v>972</v>
      </c>
      <c r="CS32" s="15">
        <v>226109</v>
      </c>
      <c r="CT32" s="15">
        <v>369502</v>
      </c>
      <c r="CU32" s="15">
        <v>360592</v>
      </c>
      <c r="CV32" s="15">
        <v>8910</v>
      </c>
      <c r="CW32" s="15">
        <v>229770</v>
      </c>
      <c r="CX32" s="15">
        <v>736</v>
      </c>
      <c r="CY32" s="15">
        <v>1</v>
      </c>
      <c r="CZ32" s="15">
        <v>0</v>
      </c>
      <c r="DA32" s="15">
        <v>1816</v>
      </c>
      <c r="DB32" s="15">
        <v>0</v>
      </c>
      <c r="DC32" s="15">
        <v>0</v>
      </c>
      <c r="DD32" s="15">
        <v>0</v>
      </c>
      <c r="DE32" s="15">
        <v>0</v>
      </c>
      <c r="DF32" s="15">
        <v>227217</v>
      </c>
      <c r="DG32" s="15">
        <v>0</v>
      </c>
      <c r="DH32" s="15">
        <v>0</v>
      </c>
      <c r="DI32" s="15">
        <v>227217</v>
      </c>
      <c r="DJ32" s="15">
        <v>103722</v>
      </c>
      <c r="DK32" s="15">
        <v>6814208</v>
      </c>
    </row>
    <row r="33" spans="1:115" s="13" customFormat="1" ht="17.25" customHeight="1">
      <c r="A33" s="6" t="s">
        <v>194</v>
      </c>
      <c r="B33" s="15">
        <v>3084710</v>
      </c>
      <c r="C33" s="15">
        <v>43781</v>
      </c>
      <c r="D33" s="15">
        <v>9868</v>
      </c>
      <c r="E33" s="15">
        <v>0</v>
      </c>
      <c r="F33" s="15">
        <v>0</v>
      </c>
      <c r="G33" s="15">
        <v>0</v>
      </c>
      <c r="H33" s="15">
        <v>29539</v>
      </c>
      <c r="I33" s="15">
        <v>0</v>
      </c>
      <c r="J33" s="15">
        <v>4374</v>
      </c>
      <c r="K33" s="15">
        <v>928</v>
      </c>
      <c r="L33" s="15">
        <v>18773</v>
      </c>
      <c r="M33" s="15">
        <v>14457</v>
      </c>
      <c r="N33" s="15">
        <v>0</v>
      </c>
      <c r="O33" s="15">
        <v>426791</v>
      </c>
      <c r="P33" s="15">
        <v>0</v>
      </c>
      <c r="Q33" s="15">
        <v>87</v>
      </c>
      <c r="R33" s="15">
        <v>0</v>
      </c>
      <c r="S33" s="15">
        <v>9168</v>
      </c>
      <c r="T33" s="15">
        <v>51116</v>
      </c>
      <c r="U33" s="15">
        <v>31359</v>
      </c>
      <c r="V33" s="15">
        <v>573135</v>
      </c>
      <c r="W33" s="15">
        <v>535615</v>
      </c>
      <c r="X33" s="24">
        <v>37520</v>
      </c>
      <c r="Y33" s="15">
        <v>0</v>
      </c>
      <c r="Z33" s="15">
        <v>2049</v>
      </c>
      <c r="AA33" s="15">
        <v>76920</v>
      </c>
      <c r="AB33" s="15">
        <v>8040</v>
      </c>
      <c r="AC33" s="15">
        <v>68880</v>
      </c>
      <c r="AD33" s="15">
        <v>13458</v>
      </c>
      <c r="AE33" s="15">
        <v>282</v>
      </c>
      <c r="AF33" s="15">
        <v>0</v>
      </c>
      <c r="AG33" s="15">
        <v>282</v>
      </c>
      <c r="AH33" s="15">
        <v>0</v>
      </c>
      <c r="AI33" s="15">
        <v>0</v>
      </c>
      <c r="AJ33" s="15">
        <v>8322</v>
      </c>
      <c r="AK33" s="15">
        <v>4854</v>
      </c>
      <c r="AL33" s="15">
        <v>11369</v>
      </c>
      <c r="AM33" s="15">
        <v>1630</v>
      </c>
      <c r="AN33" s="15">
        <v>9739</v>
      </c>
      <c r="AO33" s="15">
        <v>1335107</v>
      </c>
      <c r="AP33" s="15">
        <v>0</v>
      </c>
      <c r="AQ33" s="15">
        <v>0</v>
      </c>
      <c r="AR33" s="15">
        <v>263469</v>
      </c>
      <c r="AS33" s="15">
        <v>147488</v>
      </c>
      <c r="AT33" s="15">
        <v>213359</v>
      </c>
      <c r="AU33" s="15">
        <v>0</v>
      </c>
      <c r="AV33" s="15">
        <v>69290</v>
      </c>
      <c r="AW33" s="15">
        <v>0</v>
      </c>
      <c r="AX33" s="15">
        <v>0</v>
      </c>
      <c r="AY33" s="15">
        <v>3973</v>
      </c>
      <c r="AZ33" s="15">
        <v>0</v>
      </c>
      <c r="BA33" s="15">
        <v>0</v>
      </c>
      <c r="BB33" s="15">
        <v>3973</v>
      </c>
      <c r="BC33" s="15">
        <v>0</v>
      </c>
      <c r="BD33" s="15">
        <v>52637</v>
      </c>
      <c r="BE33" s="15">
        <v>0</v>
      </c>
      <c r="BF33" s="15">
        <v>0</v>
      </c>
      <c r="BG33" s="15">
        <v>895</v>
      </c>
      <c r="BH33" s="15">
        <v>160766</v>
      </c>
      <c r="BI33" s="15">
        <v>82015</v>
      </c>
      <c r="BJ33" s="15">
        <v>78751</v>
      </c>
      <c r="BK33" s="15">
        <v>91304</v>
      </c>
      <c r="BL33" s="15">
        <v>224772</v>
      </c>
      <c r="BM33" s="15">
        <v>107154</v>
      </c>
      <c r="BN33" s="15">
        <v>0</v>
      </c>
      <c r="BO33" s="15">
        <v>455233</v>
      </c>
      <c r="BP33" s="15">
        <v>302083</v>
      </c>
      <c r="BQ33" s="15">
        <v>114999</v>
      </c>
      <c r="BR33" s="15">
        <v>73078</v>
      </c>
      <c r="BS33" s="15">
        <v>46326</v>
      </c>
      <c r="BT33" s="15">
        <v>6498</v>
      </c>
      <c r="BU33" s="15">
        <v>0</v>
      </c>
      <c r="BV33" s="15">
        <v>9647</v>
      </c>
      <c r="BW33" s="15">
        <v>0</v>
      </c>
      <c r="BX33" s="15">
        <v>0</v>
      </c>
      <c r="BY33" s="15">
        <v>9647</v>
      </c>
      <c r="BZ33" s="15">
        <v>0</v>
      </c>
      <c r="CA33" s="15">
        <v>0</v>
      </c>
      <c r="CB33" s="15">
        <v>250</v>
      </c>
      <c r="CC33" s="15">
        <v>51285</v>
      </c>
      <c r="CD33" s="15">
        <v>153150</v>
      </c>
      <c r="CE33" s="15">
        <v>0</v>
      </c>
      <c r="CF33" s="15">
        <v>0</v>
      </c>
      <c r="CG33" s="15">
        <v>0</v>
      </c>
      <c r="CH33" s="15">
        <v>153150</v>
      </c>
      <c r="CI33" s="15">
        <v>3441</v>
      </c>
      <c r="CJ33" s="15">
        <v>3343</v>
      </c>
      <c r="CK33" s="15">
        <v>98</v>
      </c>
      <c r="CL33" s="15">
        <v>0</v>
      </c>
      <c r="CM33" s="15">
        <v>0</v>
      </c>
      <c r="CN33" s="15">
        <v>98</v>
      </c>
      <c r="CO33" s="15">
        <v>220009</v>
      </c>
      <c r="CP33" s="15">
        <v>217804</v>
      </c>
      <c r="CQ33" s="15">
        <v>1000</v>
      </c>
      <c r="CR33" s="15">
        <v>1205</v>
      </c>
      <c r="CS33" s="15">
        <v>223482</v>
      </c>
      <c r="CT33" s="15">
        <v>608081</v>
      </c>
      <c r="CU33" s="15">
        <v>529920</v>
      </c>
      <c r="CV33" s="15">
        <v>78161</v>
      </c>
      <c r="CW33" s="15">
        <v>157420</v>
      </c>
      <c r="CX33" s="15">
        <v>2398</v>
      </c>
      <c r="CY33" s="15">
        <v>1</v>
      </c>
      <c r="CZ33" s="15">
        <v>0</v>
      </c>
      <c r="DA33" s="15">
        <v>8101</v>
      </c>
      <c r="DB33" s="15">
        <v>0</v>
      </c>
      <c r="DC33" s="15">
        <v>0</v>
      </c>
      <c r="DD33" s="15">
        <v>0</v>
      </c>
      <c r="DE33" s="15">
        <v>0</v>
      </c>
      <c r="DF33" s="15">
        <v>146920</v>
      </c>
      <c r="DG33" s="15">
        <v>16020</v>
      </c>
      <c r="DH33" s="15">
        <v>0</v>
      </c>
      <c r="DI33" s="15">
        <v>130900</v>
      </c>
      <c r="DJ33" s="15">
        <v>399600</v>
      </c>
      <c r="DK33" s="15">
        <v>7760474</v>
      </c>
    </row>
    <row r="34" spans="1:115" s="13" customFormat="1" ht="17.25" customHeight="1">
      <c r="A34" s="6" t="s">
        <v>195</v>
      </c>
      <c r="B34" s="15">
        <v>6264660</v>
      </c>
      <c r="C34" s="15">
        <v>42405</v>
      </c>
      <c r="D34" s="15">
        <v>9200</v>
      </c>
      <c r="E34" s="15">
        <v>0</v>
      </c>
      <c r="F34" s="15">
        <v>0</v>
      </c>
      <c r="G34" s="15">
        <v>0</v>
      </c>
      <c r="H34" s="15">
        <v>27539</v>
      </c>
      <c r="I34" s="15">
        <v>0</v>
      </c>
      <c r="J34" s="15">
        <v>5666</v>
      </c>
      <c r="K34" s="15">
        <v>559</v>
      </c>
      <c r="L34" s="15">
        <v>11137</v>
      </c>
      <c r="M34" s="15">
        <v>8439</v>
      </c>
      <c r="N34" s="15">
        <v>0</v>
      </c>
      <c r="O34" s="15">
        <v>396644</v>
      </c>
      <c r="P34" s="15">
        <v>102023</v>
      </c>
      <c r="Q34" s="15">
        <v>81</v>
      </c>
      <c r="R34" s="15">
        <v>0</v>
      </c>
      <c r="S34" s="15">
        <v>8530</v>
      </c>
      <c r="T34" s="15">
        <v>66993</v>
      </c>
      <c r="U34" s="15">
        <v>2019</v>
      </c>
      <c r="V34" s="15">
        <v>66206</v>
      </c>
      <c r="W34" s="15">
        <v>0</v>
      </c>
      <c r="X34" s="24">
        <v>66206</v>
      </c>
      <c r="Y34" s="15">
        <v>0</v>
      </c>
      <c r="Z34" s="15">
        <v>2853</v>
      </c>
      <c r="AA34" s="15">
        <v>25755</v>
      </c>
      <c r="AB34" s="15">
        <v>10045</v>
      </c>
      <c r="AC34" s="15">
        <v>15710</v>
      </c>
      <c r="AD34" s="15">
        <v>226837</v>
      </c>
      <c r="AE34" s="15">
        <v>320</v>
      </c>
      <c r="AF34" s="15">
        <v>0</v>
      </c>
      <c r="AG34" s="15">
        <v>320</v>
      </c>
      <c r="AH34" s="15">
        <v>0</v>
      </c>
      <c r="AI34" s="15">
        <v>859</v>
      </c>
      <c r="AJ34" s="15">
        <v>26125</v>
      </c>
      <c r="AK34" s="15">
        <v>199533</v>
      </c>
      <c r="AL34" s="15">
        <v>174450</v>
      </c>
      <c r="AM34" s="15">
        <v>2304</v>
      </c>
      <c r="AN34" s="15">
        <v>172146</v>
      </c>
      <c r="AO34" s="15">
        <v>584190</v>
      </c>
      <c r="AP34" s="15">
        <v>0</v>
      </c>
      <c r="AQ34" s="15">
        <v>0</v>
      </c>
      <c r="AR34" s="15">
        <v>4765</v>
      </c>
      <c r="AS34" s="15">
        <v>123956</v>
      </c>
      <c r="AT34" s="15">
        <v>56382</v>
      </c>
      <c r="AU34" s="15">
        <v>0</v>
      </c>
      <c r="AV34" s="15">
        <v>0</v>
      </c>
      <c r="AW34" s="15">
        <v>0</v>
      </c>
      <c r="AX34" s="15">
        <v>0</v>
      </c>
      <c r="AY34" s="15">
        <v>3273</v>
      </c>
      <c r="AZ34" s="15">
        <v>0</v>
      </c>
      <c r="BA34" s="15">
        <v>0</v>
      </c>
      <c r="BB34" s="15">
        <v>3273</v>
      </c>
      <c r="BC34" s="15">
        <v>0</v>
      </c>
      <c r="BD34" s="15">
        <v>56785</v>
      </c>
      <c r="BE34" s="15">
        <v>0</v>
      </c>
      <c r="BF34" s="15">
        <v>0</v>
      </c>
      <c r="BG34" s="15">
        <v>2000</v>
      </c>
      <c r="BH34" s="15">
        <v>51734</v>
      </c>
      <c r="BI34" s="15">
        <v>42883</v>
      </c>
      <c r="BJ34" s="15">
        <v>8851</v>
      </c>
      <c r="BK34" s="15">
        <v>123847</v>
      </c>
      <c r="BL34" s="15">
        <v>88108</v>
      </c>
      <c r="BM34" s="15">
        <v>73340</v>
      </c>
      <c r="BN34" s="15">
        <v>0</v>
      </c>
      <c r="BO34" s="15">
        <v>392035</v>
      </c>
      <c r="BP34" s="15">
        <v>122618</v>
      </c>
      <c r="BQ34" s="15">
        <v>2443</v>
      </c>
      <c r="BR34" s="15">
        <v>61303</v>
      </c>
      <c r="BS34" s="15">
        <v>12764</v>
      </c>
      <c r="BT34" s="15">
        <v>0</v>
      </c>
      <c r="BU34" s="15">
        <v>0</v>
      </c>
      <c r="BV34" s="15">
        <v>14457</v>
      </c>
      <c r="BW34" s="15">
        <v>0</v>
      </c>
      <c r="BX34" s="15">
        <v>0</v>
      </c>
      <c r="BY34" s="15">
        <v>14457</v>
      </c>
      <c r="BZ34" s="15">
        <v>4400</v>
      </c>
      <c r="CA34" s="15">
        <v>0</v>
      </c>
      <c r="CB34" s="15">
        <v>0</v>
      </c>
      <c r="CC34" s="15">
        <v>27251</v>
      </c>
      <c r="CD34" s="15">
        <v>269417</v>
      </c>
      <c r="CE34" s="15">
        <v>0</v>
      </c>
      <c r="CF34" s="15">
        <v>0</v>
      </c>
      <c r="CG34" s="15">
        <v>0</v>
      </c>
      <c r="CH34" s="15">
        <v>269417</v>
      </c>
      <c r="CI34" s="15">
        <v>48589</v>
      </c>
      <c r="CJ34" s="15">
        <v>27558</v>
      </c>
      <c r="CK34" s="15">
        <v>21031</v>
      </c>
      <c r="CL34" s="15">
        <v>16060</v>
      </c>
      <c r="CM34" s="15">
        <v>4527</v>
      </c>
      <c r="CN34" s="15">
        <v>444</v>
      </c>
      <c r="CO34" s="15">
        <v>1540456</v>
      </c>
      <c r="CP34" s="15">
        <v>1528883</v>
      </c>
      <c r="CQ34" s="15">
        <v>5000</v>
      </c>
      <c r="CR34" s="15">
        <v>6573</v>
      </c>
      <c r="CS34" s="15">
        <v>530122</v>
      </c>
      <c r="CT34" s="15">
        <v>519560</v>
      </c>
      <c r="CU34" s="15">
        <v>451445</v>
      </c>
      <c r="CV34" s="15">
        <v>68115</v>
      </c>
      <c r="CW34" s="15">
        <v>386907</v>
      </c>
      <c r="CX34" s="15">
        <v>8914</v>
      </c>
      <c r="CY34" s="15">
        <v>1</v>
      </c>
      <c r="CZ34" s="15">
        <v>0</v>
      </c>
      <c r="DA34" s="15">
        <v>240731</v>
      </c>
      <c r="DB34" s="15">
        <v>0</v>
      </c>
      <c r="DC34" s="15">
        <v>0</v>
      </c>
      <c r="DD34" s="15">
        <v>0</v>
      </c>
      <c r="DE34" s="15">
        <v>0</v>
      </c>
      <c r="DF34" s="15">
        <v>137261</v>
      </c>
      <c r="DG34" s="15">
        <v>0</v>
      </c>
      <c r="DH34" s="15">
        <v>0</v>
      </c>
      <c r="DI34" s="15">
        <v>137261</v>
      </c>
      <c r="DJ34" s="15">
        <v>175900</v>
      </c>
      <c r="DK34" s="15">
        <v>11577350</v>
      </c>
    </row>
    <row r="35" spans="1:115" s="13" customFormat="1" ht="17.25" customHeight="1">
      <c r="A35" s="6" t="s">
        <v>196</v>
      </c>
      <c r="B35" s="15">
        <v>879471</v>
      </c>
      <c r="C35" s="15">
        <v>17257</v>
      </c>
      <c r="D35" s="15">
        <v>4106</v>
      </c>
      <c r="E35" s="15">
        <v>0</v>
      </c>
      <c r="F35" s="15">
        <v>0</v>
      </c>
      <c r="G35" s="15">
        <v>0</v>
      </c>
      <c r="H35" s="15">
        <v>12293</v>
      </c>
      <c r="I35" s="15">
        <v>0</v>
      </c>
      <c r="J35" s="15">
        <v>858</v>
      </c>
      <c r="K35" s="15">
        <v>277</v>
      </c>
      <c r="L35" s="15">
        <v>5595</v>
      </c>
      <c r="M35" s="15">
        <v>4277</v>
      </c>
      <c r="N35" s="15">
        <v>0</v>
      </c>
      <c r="O35" s="15">
        <v>145771</v>
      </c>
      <c r="P35" s="15">
        <v>0</v>
      </c>
      <c r="Q35" s="15">
        <v>36</v>
      </c>
      <c r="R35" s="15">
        <v>0</v>
      </c>
      <c r="S35" s="15">
        <v>3785</v>
      </c>
      <c r="T35" s="15">
        <v>8152</v>
      </c>
      <c r="U35" s="15">
        <v>3113</v>
      </c>
      <c r="V35" s="15">
        <v>1549191</v>
      </c>
      <c r="W35" s="15">
        <v>1367887</v>
      </c>
      <c r="X35" s="24">
        <v>181304</v>
      </c>
      <c r="Y35" s="15">
        <v>0</v>
      </c>
      <c r="Z35" s="15">
        <v>673</v>
      </c>
      <c r="AA35" s="15">
        <v>37541</v>
      </c>
      <c r="AB35" s="15">
        <v>35755</v>
      </c>
      <c r="AC35" s="15">
        <v>1786</v>
      </c>
      <c r="AD35" s="15">
        <v>40136</v>
      </c>
      <c r="AE35" s="15">
        <v>0</v>
      </c>
      <c r="AF35" s="15">
        <v>0</v>
      </c>
      <c r="AG35" s="15">
        <v>0</v>
      </c>
      <c r="AH35" s="15">
        <v>0</v>
      </c>
      <c r="AI35" s="15">
        <v>93</v>
      </c>
      <c r="AJ35" s="15">
        <v>7659</v>
      </c>
      <c r="AK35" s="15">
        <v>32384</v>
      </c>
      <c r="AL35" s="15">
        <v>5291</v>
      </c>
      <c r="AM35" s="15">
        <v>1651</v>
      </c>
      <c r="AN35" s="15">
        <v>3640</v>
      </c>
      <c r="AO35" s="15">
        <v>542319</v>
      </c>
      <c r="AP35" s="15">
        <v>0</v>
      </c>
      <c r="AQ35" s="15">
        <v>0</v>
      </c>
      <c r="AR35" s="15">
        <v>59938</v>
      </c>
      <c r="AS35" s="15">
        <v>73435</v>
      </c>
      <c r="AT35" s="15">
        <v>39706</v>
      </c>
      <c r="AU35" s="15">
        <v>0</v>
      </c>
      <c r="AV35" s="15">
        <v>0</v>
      </c>
      <c r="AW35" s="15">
        <v>0</v>
      </c>
      <c r="AX35" s="15">
        <v>0</v>
      </c>
      <c r="AY35" s="15">
        <v>2403</v>
      </c>
      <c r="AZ35" s="15">
        <v>0</v>
      </c>
      <c r="BA35" s="15">
        <v>0</v>
      </c>
      <c r="BB35" s="15">
        <v>2403</v>
      </c>
      <c r="BC35" s="15">
        <v>0</v>
      </c>
      <c r="BD35" s="15">
        <v>17440</v>
      </c>
      <c r="BE35" s="15">
        <v>0</v>
      </c>
      <c r="BF35" s="15">
        <v>0</v>
      </c>
      <c r="BG35" s="15">
        <v>9537</v>
      </c>
      <c r="BH35" s="15">
        <v>140335</v>
      </c>
      <c r="BI35" s="15">
        <v>57867</v>
      </c>
      <c r="BJ35" s="15">
        <v>82468</v>
      </c>
      <c r="BK35" s="15">
        <v>68242</v>
      </c>
      <c r="BL35" s="15">
        <v>69215</v>
      </c>
      <c r="BM35" s="15">
        <v>62068</v>
      </c>
      <c r="BN35" s="15">
        <v>0</v>
      </c>
      <c r="BO35" s="15">
        <v>235564</v>
      </c>
      <c r="BP35" s="15">
        <v>96968</v>
      </c>
      <c r="BQ35" s="15">
        <v>26145</v>
      </c>
      <c r="BR35" s="15">
        <v>37283</v>
      </c>
      <c r="BS35" s="15">
        <v>9207</v>
      </c>
      <c r="BT35" s="15">
        <v>268</v>
      </c>
      <c r="BU35" s="15">
        <v>0</v>
      </c>
      <c r="BV35" s="15">
        <v>7222</v>
      </c>
      <c r="BW35" s="15">
        <v>0</v>
      </c>
      <c r="BX35" s="15">
        <v>0</v>
      </c>
      <c r="BY35" s="15">
        <v>7222</v>
      </c>
      <c r="BZ35" s="15">
        <v>0</v>
      </c>
      <c r="CA35" s="15">
        <v>0</v>
      </c>
      <c r="CB35" s="15">
        <v>0</v>
      </c>
      <c r="CC35" s="15">
        <v>16843</v>
      </c>
      <c r="CD35" s="15">
        <v>138596</v>
      </c>
      <c r="CE35" s="15">
        <v>0</v>
      </c>
      <c r="CF35" s="15">
        <v>0</v>
      </c>
      <c r="CG35" s="15">
        <v>0</v>
      </c>
      <c r="CH35" s="15">
        <v>138596</v>
      </c>
      <c r="CI35" s="15">
        <v>99496</v>
      </c>
      <c r="CJ35" s="15">
        <v>97342</v>
      </c>
      <c r="CK35" s="15">
        <v>2154</v>
      </c>
      <c r="CL35" s="15">
        <v>600</v>
      </c>
      <c r="CM35" s="15">
        <v>0</v>
      </c>
      <c r="CN35" s="15">
        <v>1554</v>
      </c>
      <c r="CO35" s="15">
        <v>7712</v>
      </c>
      <c r="CP35" s="15">
        <v>6294</v>
      </c>
      <c r="CQ35" s="15">
        <v>0</v>
      </c>
      <c r="CR35" s="15">
        <v>1418</v>
      </c>
      <c r="CS35" s="15">
        <v>147935</v>
      </c>
      <c r="CT35" s="15">
        <v>343062</v>
      </c>
      <c r="CU35" s="15">
        <v>339840</v>
      </c>
      <c r="CV35" s="15">
        <v>3222</v>
      </c>
      <c r="CW35" s="15">
        <v>37052</v>
      </c>
      <c r="CX35" s="15">
        <v>1548</v>
      </c>
      <c r="CY35" s="15">
        <v>0</v>
      </c>
      <c r="CZ35" s="15">
        <v>24</v>
      </c>
      <c r="DA35" s="15">
        <v>940</v>
      </c>
      <c r="DB35" s="15">
        <v>0</v>
      </c>
      <c r="DC35" s="15">
        <v>0</v>
      </c>
      <c r="DD35" s="15">
        <v>0</v>
      </c>
      <c r="DE35" s="15">
        <v>0</v>
      </c>
      <c r="DF35" s="15">
        <v>34540</v>
      </c>
      <c r="DG35" s="15">
        <v>0</v>
      </c>
      <c r="DH35" s="15">
        <v>0</v>
      </c>
      <c r="DI35" s="15">
        <v>34540</v>
      </c>
      <c r="DJ35" s="15">
        <v>189387</v>
      </c>
      <c r="DK35" s="15">
        <v>4303093</v>
      </c>
    </row>
    <row r="36" spans="1:115" s="13" customFormat="1" ht="17.25" customHeight="1">
      <c r="A36" s="6" t="s">
        <v>217</v>
      </c>
      <c r="B36" s="15">
        <v>3746838</v>
      </c>
      <c r="C36" s="15">
        <v>61431</v>
      </c>
      <c r="D36" s="15">
        <v>13930</v>
      </c>
      <c r="E36" s="15">
        <v>0</v>
      </c>
      <c r="F36" s="15">
        <v>0</v>
      </c>
      <c r="G36" s="15">
        <v>0</v>
      </c>
      <c r="H36" s="15">
        <v>41697</v>
      </c>
      <c r="I36" s="15">
        <v>0</v>
      </c>
      <c r="J36" s="15">
        <v>5804</v>
      </c>
      <c r="K36" s="15">
        <v>984</v>
      </c>
      <c r="L36" s="15">
        <v>19752</v>
      </c>
      <c r="M36" s="15">
        <v>15100</v>
      </c>
      <c r="N36" s="15">
        <v>0</v>
      </c>
      <c r="O36" s="15">
        <v>545007</v>
      </c>
      <c r="P36" s="15">
        <v>7412</v>
      </c>
      <c r="Q36" s="15">
        <v>123</v>
      </c>
      <c r="R36" s="15">
        <v>0</v>
      </c>
      <c r="S36" s="15">
        <v>12930</v>
      </c>
      <c r="T36" s="15">
        <v>41392</v>
      </c>
      <c r="U36" s="15">
        <v>10154</v>
      </c>
      <c r="V36" s="15">
        <v>2034016</v>
      </c>
      <c r="W36" s="15">
        <v>1859750</v>
      </c>
      <c r="X36" s="24">
        <v>174266</v>
      </c>
      <c r="Y36" s="15">
        <v>0</v>
      </c>
      <c r="Z36" s="15">
        <v>3184</v>
      </c>
      <c r="AA36" s="15">
        <v>218085</v>
      </c>
      <c r="AB36" s="15">
        <v>216371</v>
      </c>
      <c r="AC36" s="15">
        <v>1714</v>
      </c>
      <c r="AD36" s="15">
        <v>137022</v>
      </c>
      <c r="AE36" s="15">
        <v>140</v>
      </c>
      <c r="AF36" s="15">
        <v>0</v>
      </c>
      <c r="AG36" s="15">
        <v>140</v>
      </c>
      <c r="AH36" s="15">
        <v>0</v>
      </c>
      <c r="AI36" s="15">
        <v>24796</v>
      </c>
      <c r="AJ36" s="15">
        <v>7576</v>
      </c>
      <c r="AK36" s="15">
        <v>104510</v>
      </c>
      <c r="AL36" s="15">
        <v>15456</v>
      </c>
      <c r="AM36" s="15">
        <v>3975</v>
      </c>
      <c r="AN36" s="15">
        <v>11481</v>
      </c>
      <c r="AO36" s="15">
        <v>1446603</v>
      </c>
      <c r="AP36" s="15">
        <v>0</v>
      </c>
      <c r="AQ36" s="15">
        <v>0</v>
      </c>
      <c r="AR36" s="15">
        <v>36624</v>
      </c>
      <c r="AS36" s="15">
        <v>224312</v>
      </c>
      <c r="AT36" s="15">
        <v>147371</v>
      </c>
      <c r="AU36" s="15">
        <v>0</v>
      </c>
      <c r="AV36" s="15">
        <v>1444</v>
      </c>
      <c r="AW36" s="15">
        <v>2863</v>
      </c>
      <c r="AX36" s="15">
        <v>0</v>
      </c>
      <c r="AY36" s="15">
        <v>5920</v>
      </c>
      <c r="AZ36" s="15">
        <v>0</v>
      </c>
      <c r="BA36" s="15">
        <v>0</v>
      </c>
      <c r="BB36" s="15">
        <v>5920</v>
      </c>
      <c r="BC36" s="15">
        <v>0</v>
      </c>
      <c r="BD36" s="15">
        <v>51678</v>
      </c>
      <c r="BE36" s="15">
        <v>0</v>
      </c>
      <c r="BF36" s="15">
        <v>0</v>
      </c>
      <c r="BG36" s="15">
        <v>57843</v>
      </c>
      <c r="BH36" s="15">
        <v>279453</v>
      </c>
      <c r="BI36" s="15">
        <v>134127</v>
      </c>
      <c r="BJ36" s="15">
        <v>145326</v>
      </c>
      <c r="BK36" s="15">
        <v>289902</v>
      </c>
      <c r="BL36" s="15">
        <v>257861</v>
      </c>
      <c r="BM36" s="15">
        <v>91332</v>
      </c>
      <c r="BN36" s="15">
        <v>0</v>
      </c>
      <c r="BO36" s="15">
        <v>525533</v>
      </c>
      <c r="BP36" s="15">
        <v>242604</v>
      </c>
      <c r="BQ36" s="15">
        <v>16046</v>
      </c>
      <c r="BR36" s="15">
        <v>106516</v>
      </c>
      <c r="BS36" s="15">
        <v>33451</v>
      </c>
      <c r="BT36" s="15">
        <v>0</v>
      </c>
      <c r="BU36" s="15">
        <v>0</v>
      </c>
      <c r="BV36" s="15">
        <v>14060</v>
      </c>
      <c r="BW36" s="15">
        <v>0</v>
      </c>
      <c r="BX36" s="15">
        <v>0</v>
      </c>
      <c r="BY36" s="15">
        <v>14060</v>
      </c>
      <c r="BZ36" s="15">
        <v>0</v>
      </c>
      <c r="CA36" s="15">
        <v>0</v>
      </c>
      <c r="CB36" s="15">
        <v>0</v>
      </c>
      <c r="CC36" s="15">
        <v>72531</v>
      </c>
      <c r="CD36" s="15">
        <v>282929</v>
      </c>
      <c r="CE36" s="15">
        <v>0</v>
      </c>
      <c r="CF36" s="15">
        <v>0</v>
      </c>
      <c r="CG36" s="15">
        <v>0</v>
      </c>
      <c r="CH36" s="15">
        <v>282929</v>
      </c>
      <c r="CI36" s="15">
        <v>75179</v>
      </c>
      <c r="CJ36" s="15">
        <v>72913</v>
      </c>
      <c r="CK36" s="15">
        <v>2266</v>
      </c>
      <c r="CL36" s="15">
        <v>1391</v>
      </c>
      <c r="CM36" s="15">
        <v>0</v>
      </c>
      <c r="CN36" s="15">
        <v>875</v>
      </c>
      <c r="CO36" s="15">
        <v>395538</v>
      </c>
      <c r="CP36" s="15">
        <v>395100</v>
      </c>
      <c r="CQ36" s="15">
        <v>0</v>
      </c>
      <c r="CR36" s="15">
        <v>438</v>
      </c>
      <c r="CS36" s="15">
        <v>564666</v>
      </c>
      <c r="CT36" s="15">
        <v>681864</v>
      </c>
      <c r="CU36" s="15">
        <v>635990</v>
      </c>
      <c r="CV36" s="15">
        <v>45874</v>
      </c>
      <c r="CW36" s="15">
        <v>132790</v>
      </c>
      <c r="CX36" s="15">
        <v>11648</v>
      </c>
      <c r="CY36" s="15">
        <v>0</v>
      </c>
      <c r="CZ36" s="15">
        <v>0</v>
      </c>
      <c r="DA36" s="15">
        <v>12</v>
      </c>
      <c r="DB36" s="15">
        <v>0</v>
      </c>
      <c r="DC36" s="15">
        <v>0</v>
      </c>
      <c r="DD36" s="15">
        <v>0</v>
      </c>
      <c r="DE36" s="15">
        <v>0</v>
      </c>
      <c r="DF36" s="15">
        <v>121130</v>
      </c>
      <c r="DG36" s="15">
        <v>0</v>
      </c>
      <c r="DH36" s="15">
        <v>0</v>
      </c>
      <c r="DI36" s="15">
        <v>121130</v>
      </c>
      <c r="DJ36" s="15">
        <v>245700</v>
      </c>
      <c r="DK36" s="15">
        <v>10936759</v>
      </c>
    </row>
    <row r="37" spans="1:115" s="13" customFormat="1" ht="17.25" customHeight="1">
      <c r="A37" s="6" t="s">
        <v>218</v>
      </c>
      <c r="B37" s="15">
        <v>7693790</v>
      </c>
      <c r="C37" s="15">
        <v>118391</v>
      </c>
      <c r="D37" s="15">
        <v>27992</v>
      </c>
      <c r="E37" s="15">
        <v>0</v>
      </c>
      <c r="F37" s="15">
        <v>0</v>
      </c>
      <c r="G37" s="15">
        <v>0</v>
      </c>
      <c r="H37" s="15">
        <v>83789</v>
      </c>
      <c r="I37" s="15">
        <v>0</v>
      </c>
      <c r="J37" s="15">
        <v>6610</v>
      </c>
      <c r="K37" s="15">
        <v>1709</v>
      </c>
      <c r="L37" s="15">
        <v>34231</v>
      </c>
      <c r="M37" s="15">
        <v>26112</v>
      </c>
      <c r="N37" s="15">
        <v>0</v>
      </c>
      <c r="O37" s="15">
        <v>1040920</v>
      </c>
      <c r="P37" s="15">
        <v>40115</v>
      </c>
      <c r="Q37" s="15">
        <v>248</v>
      </c>
      <c r="R37" s="15">
        <v>0</v>
      </c>
      <c r="S37" s="15">
        <v>26006</v>
      </c>
      <c r="T37" s="15">
        <v>139003</v>
      </c>
      <c r="U37" s="15">
        <v>45691</v>
      </c>
      <c r="V37" s="15">
        <v>300425</v>
      </c>
      <c r="W37" s="15">
        <v>286672</v>
      </c>
      <c r="X37" s="24">
        <v>13753</v>
      </c>
      <c r="Y37" s="15">
        <v>0</v>
      </c>
      <c r="Z37" s="15">
        <v>5836</v>
      </c>
      <c r="AA37" s="15">
        <v>23681</v>
      </c>
      <c r="AB37" s="15">
        <v>21519</v>
      </c>
      <c r="AC37" s="15">
        <v>2162</v>
      </c>
      <c r="AD37" s="15">
        <v>256994</v>
      </c>
      <c r="AE37" s="15">
        <v>0</v>
      </c>
      <c r="AF37" s="15">
        <v>0</v>
      </c>
      <c r="AG37" s="15">
        <v>0</v>
      </c>
      <c r="AH37" s="15">
        <v>0</v>
      </c>
      <c r="AI37" s="15">
        <v>19587</v>
      </c>
      <c r="AJ37" s="15">
        <v>36876</v>
      </c>
      <c r="AK37" s="15">
        <v>200531</v>
      </c>
      <c r="AL37" s="15">
        <v>91288</v>
      </c>
      <c r="AM37" s="15">
        <v>4632</v>
      </c>
      <c r="AN37" s="15">
        <v>86656</v>
      </c>
      <c r="AO37" s="15">
        <v>2502319</v>
      </c>
      <c r="AP37" s="15">
        <v>0</v>
      </c>
      <c r="AQ37" s="15">
        <v>0</v>
      </c>
      <c r="AR37" s="15">
        <v>326682</v>
      </c>
      <c r="AS37" s="15">
        <v>476613</v>
      </c>
      <c r="AT37" s="15">
        <v>366302</v>
      </c>
      <c r="AU37" s="15">
        <v>0</v>
      </c>
      <c r="AV37" s="15">
        <v>4279</v>
      </c>
      <c r="AW37" s="15">
        <v>0</v>
      </c>
      <c r="AX37" s="15">
        <v>0</v>
      </c>
      <c r="AY37" s="15">
        <v>13734</v>
      </c>
      <c r="AZ37" s="15">
        <v>0</v>
      </c>
      <c r="BA37" s="15">
        <v>0</v>
      </c>
      <c r="BB37" s="15">
        <v>13734</v>
      </c>
      <c r="BC37" s="15">
        <v>0</v>
      </c>
      <c r="BD37" s="15">
        <v>58670</v>
      </c>
      <c r="BE37" s="15">
        <v>0</v>
      </c>
      <c r="BF37" s="15">
        <v>0</v>
      </c>
      <c r="BG37" s="15">
        <v>0</v>
      </c>
      <c r="BH37" s="15">
        <v>289254</v>
      </c>
      <c r="BI37" s="15">
        <v>147430</v>
      </c>
      <c r="BJ37" s="15">
        <v>141824</v>
      </c>
      <c r="BK37" s="15">
        <v>309449</v>
      </c>
      <c r="BL37" s="15">
        <v>496674</v>
      </c>
      <c r="BM37" s="15">
        <v>160662</v>
      </c>
      <c r="BN37" s="15">
        <v>0</v>
      </c>
      <c r="BO37" s="15">
        <v>1036534</v>
      </c>
      <c r="BP37" s="15">
        <v>613272</v>
      </c>
      <c r="BQ37" s="15">
        <v>141520</v>
      </c>
      <c r="BR37" s="15">
        <v>235932</v>
      </c>
      <c r="BS37" s="15">
        <v>82661</v>
      </c>
      <c r="BT37" s="15">
        <v>37406</v>
      </c>
      <c r="BU37" s="15">
        <v>0</v>
      </c>
      <c r="BV37" s="15">
        <v>21490</v>
      </c>
      <c r="BW37" s="15">
        <v>0</v>
      </c>
      <c r="BX37" s="15">
        <v>0</v>
      </c>
      <c r="BY37" s="15">
        <v>21490</v>
      </c>
      <c r="BZ37" s="15">
        <v>4190</v>
      </c>
      <c r="CA37" s="15">
        <v>0</v>
      </c>
      <c r="CB37" s="15">
        <v>25</v>
      </c>
      <c r="CC37" s="15">
        <v>90048</v>
      </c>
      <c r="CD37" s="15">
        <v>423262</v>
      </c>
      <c r="CE37" s="15">
        <v>0</v>
      </c>
      <c r="CF37" s="15">
        <v>0</v>
      </c>
      <c r="CG37" s="15">
        <v>0</v>
      </c>
      <c r="CH37" s="15">
        <v>423262</v>
      </c>
      <c r="CI37" s="15">
        <v>61555</v>
      </c>
      <c r="CJ37" s="15">
        <v>37493</v>
      </c>
      <c r="CK37" s="15">
        <v>24062</v>
      </c>
      <c r="CL37" s="15">
        <v>23249</v>
      </c>
      <c r="CM37" s="15">
        <v>137</v>
      </c>
      <c r="CN37" s="15">
        <v>676</v>
      </c>
      <c r="CO37" s="15">
        <v>78406</v>
      </c>
      <c r="CP37" s="15">
        <v>76488</v>
      </c>
      <c r="CQ37" s="15">
        <v>0</v>
      </c>
      <c r="CR37" s="15">
        <v>1918</v>
      </c>
      <c r="CS37" s="15">
        <v>62275</v>
      </c>
      <c r="CT37" s="15">
        <v>763922</v>
      </c>
      <c r="CU37" s="15">
        <v>753688</v>
      </c>
      <c r="CV37" s="15">
        <v>10234</v>
      </c>
      <c r="CW37" s="15">
        <v>289994</v>
      </c>
      <c r="CX37" s="15">
        <v>12207</v>
      </c>
      <c r="CY37" s="15">
        <v>25</v>
      </c>
      <c r="CZ37" s="15">
        <v>0</v>
      </c>
      <c r="DA37" s="15">
        <v>163500</v>
      </c>
      <c r="DB37" s="15">
        <v>0</v>
      </c>
      <c r="DC37" s="15">
        <v>0</v>
      </c>
      <c r="DD37" s="15">
        <v>0</v>
      </c>
      <c r="DE37" s="15">
        <v>0</v>
      </c>
      <c r="DF37" s="15">
        <v>114262</v>
      </c>
      <c r="DG37" s="15">
        <v>0</v>
      </c>
      <c r="DH37" s="15">
        <v>0</v>
      </c>
      <c r="DI37" s="15">
        <v>114262</v>
      </c>
      <c r="DJ37" s="15">
        <v>381800</v>
      </c>
      <c r="DK37" s="15">
        <v>15021245</v>
      </c>
    </row>
    <row r="38" spans="1:115" ht="17.25" customHeight="1">
      <c r="A38" s="7" t="s">
        <v>219</v>
      </c>
      <c r="B38" s="16">
        <v>1288322</v>
      </c>
      <c r="C38" s="16">
        <v>22188</v>
      </c>
      <c r="D38" s="16">
        <v>2559</v>
      </c>
      <c r="E38" s="16">
        <v>0</v>
      </c>
      <c r="F38" s="16">
        <v>0</v>
      </c>
      <c r="G38" s="16">
        <v>0</v>
      </c>
      <c r="H38" s="16">
        <v>7659</v>
      </c>
      <c r="I38" s="16">
        <v>0</v>
      </c>
      <c r="J38" s="16">
        <v>11970</v>
      </c>
      <c r="K38" s="16">
        <v>127</v>
      </c>
      <c r="L38" s="16">
        <v>2583</v>
      </c>
      <c r="M38" s="16">
        <v>1971</v>
      </c>
      <c r="N38" s="16">
        <v>0</v>
      </c>
      <c r="O38" s="16">
        <v>75346</v>
      </c>
      <c r="P38" s="16">
        <v>16098</v>
      </c>
      <c r="Q38" s="16">
        <v>23</v>
      </c>
      <c r="R38" s="16">
        <v>0</v>
      </c>
      <c r="S38" s="16">
        <v>2373</v>
      </c>
      <c r="T38" s="16">
        <v>6622</v>
      </c>
      <c r="U38" s="16">
        <v>2200</v>
      </c>
      <c r="V38" s="16">
        <v>400670</v>
      </c>
      <c r="W38" s="16">
        <v>347742</v>
      </c>
      <c r="X38" s="26">
        <v>52928</v>
      </c>
      <c r="Y38" s="16">
        <v>0</v>
      </c>
      <c r="Z38" s="16">
        <v>0</v>
      </c>
      <c r="AA38" s="16">
        <v>7406</v>
      </c>
      <c r="AB38" s="16">
        <v>6132</v>
      </c>
      <c r="AC38" s="16">
        <v>1274</v>
      </c>
      <c r="AD38" s="16">
        <v>57679</v>
      </c>
      <c r="AE38" s="16">
        <v>36</v>
      </c>
      <c r="AF38" s="16">
        <v>0</v>
      </c>
      <c r="AG38" s="16">
        <v>36</v>
      </c>
      <c r="AH38" s="16">
        <v>0</v>
      </c>
      <c r="AI38" s="16">
        <v>0</v>
      </c>
      <c r="AJ38" s="16">
        <v>18638</v>
      </c>
      <c r="AK38" s="16">
        <v>39005</v>
      </c>
      <c r="AL38" s="16">
        <v>16250</v>
      </c>
      <c r="AM38" s="16">
        <v>589</v>
      </c>
      <c r="AN38" s="16">
        <v>15661</v>
      </c>
      <c r="AO38" s="16">
        <v>217280</v>
      </c>
      <c r="AP38" s="16">
        <v>0</v>
      </c>
      <c r="AQ38" s="16">
        <v>0</v>
      </c>
      <c r="AR38" s="16">
        <v>43373</v>
      </c>
      <c r="AS38" s="16">
        <v>29251</v>
      </c>
      <c r="AT38" s="16">
        <v>22819</v>
      </c>
      <c r="AU38" s="16">
        <v>0</v>
      </c>
      <c r="AV38" s="16">
        <v>0</v>
      </c>
      <c r="AW38" s="16">
        <v>0</v>
      </c>
      <c r="AX38" s="16">
        <v>0</v>
      </c>
      <c r="AY38" s="16">
        <v>1684</v>
      </c>
      <c r="AZ38" s="16">
        <v>0</v>
      </c>
      <c r="BA38" s="16">
        <v>0</v>
      </c>
      <c r="BB38" s="16">
        <v>1684</v>
      </c>
      <c r="BC38" s="16">
        <v>0</v>
      </c>
      <c r="BD38" s="16">
        <v>5020</v>
      </c>
      <c r="BE38" s="16">
        <v>0</v>
      </c>
      <c r="BF38" s="16">
        <v>0</v>
      </c>
      <c r="BG38" s="16">
        <v>0</v>
      </c>
      <c r="BH38" s="16">
        <v>57761</v>
      </c>
      <c r="BI38" s="16">
        <v>21250</v>
      </c>
      <c r="BJ38" s="16">
        <v>36511</v>
      </c>
      <c r="BK38" s="16">
        <v>21806</v>
      </c>
      <c r="BL38" s="16">
        <v>20294</v>
      </c>
      <c r="BM38" s="16">
        <v>15272</v>
      </c>
      <c r="BN38" s="16">
        <v>0</v>
      </c>
      <c r="BO38" s="16">
        <v>190428</v>
      </c>
      <c r="BP38" s="16">
        <v>57002</v>
      </c>
      <c r="BQ38" s="16">
        <v>18316</v>
      </c>
      <c r="BR38" s="16">
        <v>13776</v>
      </c>
      <c r="BS38" s="16">
        <v>5173</v>
      </c>
      <c r="BT38" s="16">
        <v>0</v>
      </c>
      <c r="BU38" s="16">
        <v>0</v>
      </c>
      <c r="BV38" s="16">
        <v>4875</v>
      </c>
      <c r="BW38" s="16">
        <v>0</v>
      </c>
      <c r="BX38" s="16">
        <v>0</v>
      </c>
      <c r="BY38" s="16">
        <v>4875</v>
      </c>
      <c r="BZ38" s="16">
        <v>4400</v>
      </c>
      <c r="CA38" s="16">
        <v>0</v>
      </c>
      <c r="CB38" s="16">
        <v>0</v>
      </c>
      <c r="CC38" s="16">
        <v>10462</v>
      </c>
      <c r="CD38" s="16">
        <v>133426</v>
      </c>
      <c r="CE38" s="16">
        <v>0</v>
      </c>
      <c r="CF38" s="16">
        <v>0</v>
      </c>
      <c r="CG38" s="16">
        <v>0</v>
      </c>
      <c r="CH38" s="16">
        <v>133426</v>
      </c>
      <c r="CI38" s="16">
        <v>83163</v>
      </c>
      <c r="CJ38" s="16">
        <v>82241</v>
      </c>
      <c r="CK38" s="16">
        <v>922</v>
      </c>
      <c r="CL38" s="16">
        <v>0</v>
      </c>
      <c r="CM38" s="16">
        <v>0</v>
      </c>
      <c r="CN38" s="16">
        <v>922</v>
      </c>
      <c r="CO38" s="16">
        <v>52153</v>
      </c>
      <c r="CP38" s="16">
        <v>49665</v>
      </c>
      <c r="CQ38" s="16">
        <v>0</v>
      </c>
      <c r="CR38" s="16">
        <v>2488</v>
      </c>
      <c r="CS38" s="16">
        <v>14866</v>
      </c>
      <c r="CT38" s="16">
        <v>138071</v>
      </c>
      <c r="CU38" s="16">
        <v>116763</v>
      </c>
      <c r="CV38" s="16">
        <v>21308</v>
      </c>
      <c r="CW38" s="16">
        <v>30772</v>
      </c>
      <c r="CX38" s="16">
        <v>378</v>
      </c>
      <c r="CY38" s="16">
        <v>22</v>
      </c>
      <c r="CZ38" s="16">
        <v>0</v>
      </c>
      <c r="DA38" s="16">
        <v>6000</v>
      </c>
      <c r="DB38" s="16">
        <v>0</v>
      </c>
      <c r="DC38" s="16">
        <v>0</v>
      </c>
      <c r="DD38" s="16">
        <v>0</v>
      </c>
      <c r="DE38" s="16">
        <v>0</v>
      </c>
      <c r="DF38" s="16">
        <v>24372</v>
      </c>
      <c r="DG38" s="16">
        <v>0</v>
      </c>
      <c r="DH38" s="16">
        <v>0</v>
      </c>
      <c r="DI38" s="16">
        <v>24372</v>
      </c>
      <c r="DJ38" s="16">
        <v>73200</v>
      </c>
      <c r="DK38" s="16">
        <v>2699791</v>
      </c>
    </row>
    <row r="39" spans="1:115" ht="17.25" customHeight="1">
      <c r="A39" s="8" t="s">
        <v>197</v>
      </c>
      <c r="B39" s="17">
        <f t="shared" ref="B39:M39" si="0">SUM(B6:B38)</f>
        <v>1934218789</v>
      </c>
      <c r="C39" s="17">
        <f t="shared" si="0"/>
        <v>20368481</v>
      </c>
      <c r="D39" s="17">
        <f t="shared" si="0"/>
        <v>5984413</v>
      </c>
      <c r="E39" s="17">
        <f t="shared" si="0"/>
        <v>0</v>
      </c>
      <c r="F39" s="17">
        <f t="shared" si="0"/>
        <v>1559076</v>
      </c>
      <c r="G39" s="17">
        <f t="shared" si="0"/>
        <v>47305</v>
      </c>
      <c r="H39" s="17">
        <f t="shared" si="0"/>
        <v>11678845</v>
      </c>
      <c r="I39" s="17">
        <f t="shared" si="0"/>
        <v>0</v>
      </c>
      <c r="J39" s="17">
        <f t="shared" si="0"/>
        <v>1098842</v>
      </c>
      <c r="K39" s="17">
        <f t="shared" si="0"/>
        <v>576817</v>
      </c>
      <c r="L39" s="17">
        <f t="shared" si="0"/>
        <v>11607495</v>
      </c>
      <c r="M39" s="17">
        <f t="shared" si="0"/>
        <v>8902177</v>
      </c>
      <c r="N39" s="17">
        <f t="shared" ref="N39:BY39" si="1">SUM(N6:N38)</f>
        <v>1660627</v>
      </c>
      <c r="O39" s="17">
        <f t="shared" si="1"/>
        <v>215239183</v>
      </c>
      <c r="P39" s="17">
        <f t="shared" si="1"/>
        <v>1129955</v>
      </c>
      <c r="Q39" s="17">
        <f t="shared" si="1"/>
        <v>42999</v>
      </c>
      <c r="R39" s="17">
        <f t="shared" si="1"/>
        <v>18996587</v>
      </c>
      <c r="S39" s="17">
        <f t="shared" si="1"/>
        <v>5314972</v>
      </c>
      <c r="T39" s="17">
        <f t="shared" si="1"/>
        <v>21707786</v>
      </c>
      <c r="U39" s="17">
        <f t="shared" si="1"/>
        <v>12631480</v>
      </c>
      <c r="V39" s="17">
        <f t="shared" si="1"/>
        <v>129350911</v>
      </c>
      <c r="W39" s="17">
        <f t="shared" si="1"/>
        <v>121164166</v>
      </c>
      <c r="X39" s="17">
        <f t="shared" si="1"/>
        <v>8183741</v>
      </c>
      <c r="Y39" s="17">
        <f t="shared" si="1"/>
        <v>3004</v>
      </c>
      <c r="Z39" s="17">
        <f t="shared" si="1"/>
        <v>1733639</v>
      </c>
      <c r="AA39" s="17">
        <f t="shared" si="1"/>
        <v>49147591</v>
      </c>
      <c r="AB39" s="17">
        <f t="shared" si="1"/>
        <v>5920256</v>
      </c>
      <c r="AC39" s="17">
        <f t="shared" si="1"/>
        <v>43227335</v>
      </c>
      <c r="AD39" s="17">
        <f t="shared" si="1"/>
        <v>59796121</v>
      </c>
      <c r="AE39" s="17">
        <f t="shared" si="1"/>
        <v>1516857</v>
      </c>
      <c r="AF39" s="17">
        <f t="shared" si="1"/>
        <v>1371299</v>
      </c>
      <c r="AG39" s="17">
        <f t="shared" si="1"/>
        <v>2726</v>
      </c>
      <c r="AH39" s="17">
        <f t="shared" si="1"/>
        <v>142832</v>
      </c>
      <c r="AI39" s="17">
        <f t="shared" si="1"/>
        <v>2458030</v>
      </c>
      <c r="AJ39" s="17">
        <f t="shared" si="1"/>
        <v>18464377</v>
      </c>
      <c r="AK39" s="17">
        <f t="shared" si="1"/>
        <v>37356857</v>
      </c>
      <c r="AL39" s="17">
        <f t="shared" si="1"/>
        <v>23633270</v>
      </c>
      <c r="AM39" s="17">
        <f t="shared" si="1"/>
        <v>1020950</v>
      </c>
      <c r="AN39" s="17">
        <f t="shared" si="1"/>
        <v>22612320</v>
      </c>
      <c r="AO39" s="17">
        <f t="shared" si="1"/>
        <v>1025041464</v>
      </c>
      <c r="AP39" s="17">
        <f t="shared" si="1"/>
        <v>58025384</v>
      </c>
      <c r="AQ39" s="17">
        <f t="shared" si="1"/>
        <v>205758762</v>
      </c>
      <c r="AR39" s="17">
        <f t="shared" si="1"/>
        <v>126182579</v>
      </c>
      <c r="AS39" s="17">
        <f t="shared" si="1"/>
        <v>91506723</v>
      </c>
      <c r="AT39" s="17">
        <f t="shared" si="1"/>
        <v>84453015</v>
      </c>
      <c r="AU39" s="17">
        <f t="shared" si="1"/>
        <v>0</v>
      </c>
      <c r="AV39" s="17">
        <f t="shared" si="1"/>
        <v>35958967</v>
      </c>
      <c r="AW39" s="17">
        <f t="shared" si="1"/>
        <v>123935</v>
      </c>
      <c r="AX39" s="17">
        <f t="shared" si="1"/>
        <v>0</v>
      </c>
      <c r="AY39" s="17">
        <f t="shared" si="1"/>
        <v>8315987</v>
      </c>
      <c r="AZ39" s="17">
        <f t="shared" si="1"/>
        <v>0</v>
      </c>
      <c r="BA39" s="17">
        <f t="shared" si="1"/>
        <v>0</v>
      </c>
      <c r="BB39" s="17">
        <f t="shared" si="1"/>
        <v>8315987</v>
      </c>
      <c r="BC39" s="17">
        <f t="shared" si="1"/>
        <v>0</v>
      </c>
      <c r="BD39" s="17">
        <f t="shared" si="1"/>
        <v>21981334</v>
      </c>
      <c r="BE39" s="17">
        <f t="shared" si="1"/>
        <v>1581277</v>
      </c>
      <c r="BF39" s="17">
        <f t="shared" si="1"/>
        <v>0</v>
      </c>
      <c r="BG39" s="17">
        <f t="shared" si="1"/>
        <v>597518</v>
      </c>
      <c r="BH39" s="17">
        <f t="shared" si="1"/>
        <v>63450695</v>
      </c>
      <c r="BI39" s="17">
        <f t="shared" si="1"/>
        <v>21959666</v>
      </c>
      <c r="BJ39" s="17">
        <f t="shared" si="1"/>
        <v>41491029</v>
      </c>
      <c r="BK39" s="17">
        <f t="shared" si="1"/>
        <v>86168689</v>
      </c>
      <c r="BL39" s="17">
        <f t="shared" si="1"/>
        <v>87595291</v>
      </c>
      <c r="BM39" s="17">
        <f t="shared" si="1"/>
        <v>153341308</v>
      </c>
      <c r="BN39" s="17">
        <f t="shared" si="1"/>
        <v>6346569</v>
      </c>
      <c r="BO39" s="17">
        <f t="shared" si="1"/>
        <v>248532198</v>
      </c>
      <c r="BP39" s="17">
        <f t="shared" si="1"/>
        <v>159772821</v>
      </c>
      <c r="BQ39" s="17">
        <f t="shared" si="1"/>
        <v>52565449</v>
      </c>
      <c r="BR39" s="17">
        <f t="shared" si="1"/>
        <v>43220104</v>
      </c>
      <c r="BS39" s="17">
        <f t="shared" si="1"/>
        <v>18334362</v>
      </c>
      <c r="BT39" s="17">
        <f t="shared" si="1"/>
        <v>1414061</v>
      </c>
      <c r="BU39" s="17">
        <f t="shared" si="1"/>
        <v>42574</v>
      </c>
      <c r="BV39" s="17">
        <f t="shared" si="1"/>
        <v>2123782</v>
      </c>
      <c r="BW39" s="17">
        <f t="shared" si="1"/>
        <v>0</v>
      </c>
      <c r="BX39" s="17">
        <f t="shared" si="1"/>
        <v>0</v>
      </c>
      <c r="BY39" s="17">
        <f t="shared" si="1"/>
        <v>2123782</v>
      </c>
      <c r="BZ39" s="17">
        <f t="shared" ref="BZ39:DK39" si="2">SUM(BZ6:BZ38)</f>
        <v>60446</v>
      </c>
      <c r="CA39" s="17">
        <f t="shared" si="2"/>
        <v>125261</v>
      </c>
      <c r="CB39" s="17">
        <f t="shared" si="2"/>
        <v>16171943</v>
      </c>
      <c r="CC39" s="17">
        <f t="shared" si="2"/>
        <v>25714839</v>
      </c>
      <c r="CD39" s="17">
        <f t="shared" si="2"/>
        <v>88759377</v>
      </c>
      <c r="CE39" s="17">
        <f t="shared" si="2"/>
        <v>4953163</v>
      </c>
      <c r="CF39" s="17">
        <f t="shared" si="2"/>
        <v>0</v>
      </c>
      <c r="CG39" s="17">
        <f t="shared" si="2"/>
        <v>2415239</v>
      </c>
      <c r="CH39" s="17">
        <f t="shared" si="2"/>
        <v>81390975</v>
      </c>
      <c r="CI39" s="17">
        <f t="shared" si="2"/>
        <v>60358491</v>
      </c>
      <c r="CJ39" s="17">
        <f t="shared" si="2"/>
        <v>11944393</v>
      </c>
      <c r="CK39" s="17">
        <f t="shared" si="2"/>
        <v>48414098</v>
      </c>
      <c r="CL39" s="17">
        <f t="shared" si="2"/>
        <v>40933232</v>
      </c>
      <c r="CM39" s="17">
        <f t="shared" si="2"/>
        <v>4664</v>
      </c>
      <c r="CN39" s="17">
        <f t="shared" si="2"/>
        <v>7476202</v>
      </c>
      <c r="CO39" s="17">
        <f t="shared" si="2"/>
        <v>18167629</v>
      </c>
      <c r="CP39" s="17">
        <f t="shared" si="2"/>
        <v>16130506</v>
      </c>
      <c r="CQ39" s="17">
        <f t="shared" si="2"/>
        <v>304445</v>
      </c>
      <c r="CR39" s="17">
        <f t="shared" si="2"/>
        <v>1732678</v>
      </c>
      <c r="CS39" s="17">
        <f t="shared" si="2"/>
        <v>94479226</v>
      </c>
      <c r="CT39" s="17">
        <f t="shared" si="2"/>
        <v>109390975</v>
      </c>
      <c r="CU39" s="17">
        <f t="shared" si="2"/>
        <v>87082113</v>
      </c>
      <c r="CV39" s="17">
        <f t="shared" si="2"/>
        <v>22308862</v>
      </c>
      <c r="CW39" s="17">
        <f t="shared" si="2"/>
        <v>252918443</v>
      </c>
      <c r="CX39" s="17">
        <f t="shared" si="2"/>
        <v>1460189</v>
      </c>
      <c r="CY39" s="17">
        <f t="shared" si="2"/>
        <v>7498</v>
      </c>
      <c r="CZ39" s="17">
        <f t="shared" si="2"/>
        <v>37250</v>
      </c>
      <c r="DA39" s="17">
        <f t="shared" si="2"/>
        <v>193136034</v>
      </c>
      <c r="DB39" s="17">
        <f t="shared" si="2"/>
        <v>1948040</v>
      </c>
      <c r="DC39" s="17">
        <f t="shared" si="2"/>
        <v>652307</v>
      </c>
      <c r="DD39" s="17">
        <f t="shared" si="2"/>
        <v>1295733</v>
      </c>
      <c r="DE39" s="17">
        <f t="shared" si="2"/>
        <v>14325906</v>
      </c>
      <c r="DF39" s="17">
        <f t="shared" si="2"/>
        <v>42003526</v>
      </c>
      <c r="DG39" s="17">
        <f t="shared" si="2"/>
        <v>36625</v>
      </c>
      <c r="DH39" s="17">
        <f t="shared" si="2"/>
        <v>0</v>
      </c>
      <c r="DI39" s="17">
        <f t="shared" si="2"/>
        <v>41966901</v>
      </c>
      <c r="DJ39" s="17">
        <f t="shared" si="2"/>
        <v>288535619</v>
      </c>
      <c r="DK39" s="17">
        <f t="shared" si="2"/>
        <v>4619829494</v>
      </c>
    </row>
  </sheetData>
  <mergeCells count="24">
    <mergeCell ref="W1:Y1"/>
    <mergeCell ref="AE1:AJ1"/>
    <mergeCell ref="CJ1:CN1"/>
    <mergeCell ref="CP1:CR1"/>
    <mergeCell ref="BI2:BJ2"/>
    <mergeCell ref="CA2:CC2"/>
    <mergeCell ref="BF1:BL1"/>
    <mergeCell ref="BP1:BS1"/>
    <mergeCell ref="BT1:BZ1"/>
    <mergeCell ref="BQ2:BS2"/>
    <mergeCell ref="BT2:BZ2"/>
    <mergeCell ref="AF2:AH2"/>
    <mergeCell ref="AM1:AN1"/>
    <mergeCell ref="AZ2:BB2"/>
    <mergeCell ref="AP1:AQ1"/>
    <mergeCell ref="AR1:AX1"/>
    <mergeCell ref="AY1:BE1"/>
    <mergeCell ref="CE2:CG2"/>
    <mergeCell ref="CA1:CG1"/>
    <mergeCell ref="CX1:DB1"/>
    <mergeCell ref="DC1:DI1"/>
    <mergeCell ref="BW3:BY3"/>
    <mergeCell ref="DG2:DI2"/>
    <mergeCell ref="DC2:DD2"/>
  </mergeCells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４年度市町村普通会計決算状況
　（２）歳入［&amp;P/&amp;N］&amp;R&amp;"ＭＳ ゴシック,標準"&amp;10
（単位：千円）</oddHeader>
  </headerFooter>
  <colBreaks count="2" manualBreakCount="2">
    <brk id="57" max="38" man="1"/>
    <brk id="64" max="3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2</vt:lpstr>
      <vt:lpstr>'12'!Print_Area</vt:lpstr>
      <vt:lpstr>'12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2-03-10T01:55:23Z</cp:lastPrinted>
  <dcterms:created xsi:type="dcterms:W3CDTF">2013-03-18T10:11:33Z</dcterms:created>
  <dcterms:modified xsi:type="dcterms:W3CDTF">2023-12-18T07:09:04Z</dcterms:modified>
</cp:coreProperties>
</file>